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drawings/drawing2.xml" ContentType="application/vnd.openxmlformats-officedocument.drawingml.chartshap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の推移\R4\HP\"/>
    </mc:Choice>
  </mc:AlternateContent>
  <xr:revisionPtr revIDLastSave="0" documentId="8_{BA2AB079-B145-4374-BBEA-8CF45518A6B7}" xr6:coauthVersionLast="47" xr6:coauthVersionMax="47" xr10:uidLastSave="{00000000-0000-0000-0000-000000000000}"/>
  <bookViews>
    <workbookView xWindow="-108" yWindow="-108" windowWidth="23256" windowHeight="12576" xr2:uid="{8DB2A3DD-54B1-4EE3-824B-FC5B5093C944}"/>
  </bookViews>
  <sheets>
    <sheet name="４．年齢別富山市合計" sheetId="1" r:id="rId1"/>
  </sheets>
  <externalReferences>
    <externalReference r:id="rId2"/>
  </externalReferences>
  <definedNames>
    <definedName name="_xlnm.Print_Area" localSheetId="0">'４．年齢別富山市合計'!$A$1:$Q$16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38" uniqueCount="68">
  <si>
    <t>４．年齢別人口（各年９月末住民基本台帳人口）</t>
    <rPh sb="2" eb="4">
      <t>ネンレイ</t>
    </rPh>
    <rPh sb="4" eb="5">
      <t>ベツ</t>
    </rPh>
    <rPh sb="5" eb="7">
      <t>ジンコウ</t>
    </rPh>
    <phoneticPr fontId="3"/>
  </si>
  <si>
    <t>富山市（総合計）</t>
    <rPh sb="0" eb="3">
      <t>トヤマシ</t>
    </rPh>
    <rPh sb="4" eb="5">
      <t>ソウ</t>
    </rPh>
    <phoneticPr fontId="3"/>
  </si>
  <si>
    <r>
      <rPr>
        <sz val="18"/>
        <rFont val="ＭＳ Ｐ明朝"/>
        <family val="1"/>
        <charset val="128"/>
      </rPr>
      <t>年齢</t>
    </r>
  </si>
  <si>
    <r>
      <rPr>
        <sz val="18"/>
        <rFont val="ＭＳ Ｐ明朝"/>
        <family val="1"/>
        <charset val="128"/>
      </rPr>
      <t>昭和</t>
    </r>
    <r>
      <rPr>
        <sz val="18"/>
        <rFont val="Century"/>
        <family val="1"/>
      </rPr>
      <t>55</t>
    </r>
    <phoneticPr fontId="3"/>
  </si>
  <si>
    <r>
      <rPr>
        <sz val="18"/>
        <rFont val="ＭＳ Ｐ明朝"/>
        <family val="1"/>
        <charset val="128"/>
      </rPr>
      <t>平成</t>
    </r>
    <r>
      <rPr>
        <sz val="18"/>
        <rFont val="Century"/>
        <family val="1"/>
      </rPr>
      <t>2</t>
    </r>
    <rPh sb="0" eb="2">
      <t>ヘイセイ</t>
    </rPh>
    <phoneticPr fontId="3"/>
  </si>
  <si>
    <t>令和元</t>
    <rPh sb="0" eb="2">
      <t>レイワ</t>
    </rPh>
    <rPh sb="2" eb="3">
      <t>ガン</t>
    </rPh>
    <phoneticPr fontId="3"/>
  </si>
  <si>
    <r>
      <t>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4</t>
    </r>
  </si>
  <si>
    <r>
      <t>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9</t>
    </r>
  </si>
  <si>
    <r>
      <t>1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14</t>
    </r>
  </si>
  <si>
    <r>
      <t>1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19</t>
    </r>
  </si>
  <si>
    <r>
      <t>2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24</t>
    </r>
  </si>
  <si>
    <r>
      <t>2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29</t>
    </r>
  </si>
  <si>
    <r>
      <t>3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34</t>
    </r>
  </si>
  <si>
    <r>
      <t>3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39</t>
    </r>
  </si>
  <si>
    <r>
      <t>4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44</t>
    </r>
  </si>
  <si>
    <r>
      <t>4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49</t>
    </r>
  </si>
  <si>
    <r>
      <t>5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54</t>
    </r>
  </si>
  <si>
    <r>
      <t>5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59</t>
    </r>
  </si>
  <si>
    <r>
      <t>6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64</t>
    </r>
  </si>
  <si>
    <r>
      <t>6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69</t>
    </r>
  </si>
  <si>
    <r>
      <t>7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74</t>
    </r>
  </si>
  <si>
    <r>
      <t>7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79</t>
    </r>
  </si>
  <si>
    <r>
      <t>8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84</t>
    </r>
  </si>
  <si>
    <r>
      <t>8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89</t>
    </r>
  </si>
  <si>
    <r>
      <t>9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94</t>
    </r>
  </si>
  <si>
    <r>
      <t>9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99</t>
    </r>
  </si>
  <si>
    <r>
      <t>100</t>
    </r>
    <r>
      <rPr>
        <sz val="18"/>
        <rFont val="ＭＳ 明朝"/>
        <family val="1"/>
        <charset val="128"/>
      </rPr>
      <t>～</t>
    </r>
  </si>
  <si>
    <t>男女計</t>
    <rPh sb="0" eb="2">
      <t>ダンジョ</t>
    </rPh>
    <phoneticPr fontId="3"/>
  </si>
  <si>
    <t>年齢３区分別人口</t>
    <rPh sb="0" eb="2">
      <t>ネンレイ</t>
    </rPh>
    <rPh sb="3" eb="5">
      <t>クブン</t>
    </rPh>
    <rPh sb="5" eb="6">
      <t>ベツ</t>
    </rPh>
    <rPh sb="6" eb="8">
      <t>ジンコウ</t>
    </rPh>
    <phoneticPr fontId="3"/>
  </si>
  <si>
    <r>
      <rPr>
        <sz val="18"/>
        <rFont val="ＭＳ Ｐ明朝"/>
        <family val="1"/>
        <charset val="128"/>
      </rPr>
      <t>昭和</t>
    </r>
    <r>
      <rPr>
        <sz val="18"/>
        <rFont val="Century"/>
        <family val="1"/>
      </rPr>
      <t>55</t>
    </r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r>
      <rPr>
        <sz val="18"/>
        <rFont val="ＭＳ Ｐ明朝"/>
        <family val="1"/>
        <charset val="128"/>
      </rPr>
      <t>歳</t>
    </r>
    <rPh sb="4" eb="5">
      <t>サイ</t>
    </rPh>
    <phoneticPr fontId="3"/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r>
      <rPr>
        <sz val="18"/>
        <rFont val="ＭＳ Ｐ明朝"/>
        <family val="1"/>
        <charset val="128"/>
      </rPr>
      <t>歳</t>
    </r>
  </si>
  <si>
    <r>
      <t>65</t>
    </r>
    <r>
      <rPr>
        <sz val="18"/>
        <rFont val="ＭＳ Ｐ明朝"/>
        <family val="1"/>
        <charset val="128"/>
      </rPr>
      <t>歳以上</t>
    </r>
  </si>
  <si>
    <t>計</t>
  </si>
  <si>
    <t>年齢３区分別割合（％）</t>
    <rPh sb="0" eb="2">
      <t>ネンレイ</t>
    </rPh>
    <rPh sb="3" eb="5">
      <t>クブン</t>
    </rPh>
    <rPh sb="5" eb="6">
      <t>ベツ</t>
    </rPh>
    <rPh sb="6" eb="8">
      <t>ワリアイ</t>
    </rPh>
    <phoneticPr fontId="3"/>
  </si>
  <si>
    <t>年齢</t>
  </si>
  <si>
    <r>
      <t>昭和</t>
    </r>
    <r>
      <rPr>
        <sz val="18"/>
        <rFont val="Century"/>
        <family val="1"/>
      </rPr>
      <t>55</t>
    </r>
  </si>
  <si>
    <r>
      <t>平成</t>
    </r>
    <r>
      <rPr>
        <sz val="18"/>
        <rFont val="Century"/>
        <family val="1"/>
      </rPr>
      <t>2</t>
    </r>
    <rPh sb="0" eb="2">
      <t>ヘイセイ</t>
    </rPh>
    <phoneticPr fontId="3"/>
  </si>
  <si>
    <t>令和元</t>
  </si>
  <si>
    <t>※　割合は四捨五入してあるので、加えても100にならないことがある。</t>
  </si>
  <si>
    <t>男女別人口の推移</t>
    <rPh sb="0" eb="2">
      <t>ダンジョ</t>
    </rPh>
    <rPh sb="2" eb="3">
      <t>ベツ</t>
    </rPh>
    <rPh sb="3" eb="4">
      <t>ヒト</t>
    </rPh>
    <rPh sb="4" eb="5">
      <t>クチ</t>
    </rPh>
    <rPh sb="6" eb="7">
      <t>スイ</t>
    </rPh>
    <rPh sb="7" eb="8">
      <t>ワタル</t>
    </rPh>
    <phoneticPr fontId="3"/>
  </si>
  <si>
    <t>年齢３区分別人口割合の年次推移</t>
    <rPh sb="0" eb="2">
      <t>ネンレイ</t>
    </rPh>
    <rPh sb="3" eb="5">
      <t>クブン</t>
    </rPh>
    <rPh sb="5" eb="6">
      <t>ベツ</t>
    </rPh>
    <rPh sb="6" eb="8">
      <t>ジンコウ</t>
    </rPh>
    <rPh sb="8" eb="10">
      <t>ワリアイ</t>
    </rPh>
    <rPh sb="11" eb="13">
      <t>ネンジ</t>
    </rPh>
    <rPh sb="13" eb="15">
      <t>スイイ</t>
    </rPh>
    <phoneticPr fontId="3"/>
  </si>
  <si>
    <t>富山市(男）</t>
    <rPh sb="0" eb="3">
      <t>トヤマシ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</t>
    </r>
  </si>
  <si>
    <r>
      <t>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</t>
    </r>
  </si>
  <si>
    <r>
      <t>1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9</t>
    </r>
  </si>
  <si>
    <r>
      <t>2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4</t>
    </r>
  </si>
  <si>
    <r>
      <t>2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9</t>
    </r>
  </si>
  <si>
    <r>
      <t>3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4</t>
    </r>
  </si>
  <si>
    <r>
      <t>3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9</t>
    </r>
  </si>
  <si>
    <r>
      <t>4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4</t>
    </r>
  </si>
  <si>
    <r>
      <t>4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9</t>
    </r>
  </si>
  <si>
    <r>
      <t>5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4</t>
    </r>
  </si>
  <si>
    <r>
      <t>5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9</t>
    </r>
  </si>
  <si>
    <r>
      <t>6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</si>
  <si>
    <r>
      <t>6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9</t>
    </r>
  </si>
  <si>
    <r>
      <t>7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4</t>
    </r>
  </si>
  <si>
    <r>
      <t>7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9</t>
    </r>
  </si>
  <si>
    <r>
      <t>8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4</t>
    </r>
  </si>
  <si>
    <r>
      <t>8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9</t>
    </r>
  </si>
  <si>
    <r>
      <t>9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4</t>
    </r>
  </si>
  <si>
    <r>
      <t>9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9</t>
    </r>
  </si>
  <si>
    <r>
      <t>100</t>
    </r>
    <r>
      <rPr>
        <sz val="18"/>
        <rFont val="ＭＳ Ｐ明朝"/>
        <family val="1"/>
        <charset val="128"/>
      </rPr>
      <t>～</t>
    </r>
  </si>
  <si>
    <t>男計</t>
    <rPh sb="0" eb="1">
      <t>オトコ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r>
      <rPr>
        <sz val="18"/>
        <rFont val="ＭＳ Ｐ明朝"/>
        <family val="1"/>
        <charset val="128"/>
      </rPr>
      <t>歳</t>
    </r>
  </si>
  <si>
    <t>富山市(女）</t>
    <rPh sb="0" eb="3">
      <t>トヤマシ</t>
    </rPh>
    <phoneticPr fontId="3"/>
  </si>
  <si>
    <t>女計</t>
    <rPh sb="0" eb="1">
      <t>オンナ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.0"/>
    <numFmt numFmtId="177" formatCode="0.0"/>
  </numFmts>
  <fonts count="1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ゴシック"/>
      <family val="3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20"/>
      <name val="ＭＳ Ｐ明朝"/>
      <family val="1"/>
      <charset val="128"/>
    </font>
    <font>
      <sz val="18"/>
      <name val="Century"/>
      <family val="1"/>
    </font>
    <font>
      <sz val="18"/>
      <name val="ＭＳ Ｐ明朝"/>
      <family val="1"/>
      <charset val="128"/>
    </font>
    <font>
      <sz val="14"/>
      <name val="ＭＳ 明朝"/>
      <family val="1"/>
      <charset val="128"/>
    </font>
    <font>
      <sz val="18"/>
      <name val="ＭＳ 明朝"/>
      <family val="1"/>
      <charset val="128"/>
    </font>
    <font>
      <sz val="16"/>
      <name val="ＭＳ Ｐ明朝"/>
      <family val="1"/>
      <charset val="128"/>
    </font>
    <font>
      <sz val="16"/>
      <name val="Century"/>
      <family val="1"/>
    </font>
    <font>
      <sz val="20"/>
      <name val="Century"/>
      <family val="1"/>
    </font>
    <font>
      <sz val="18"/>
      <name val="ＭＳ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2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double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double">
        <color indexed="64"/>
      </right>
      <top/>
      <bottom style="double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57">
    <xf numFmtId="0" fontId="0" fillId="0" borderId="0" xfId="0"/>
    <xf numFmtId="0" fontId="2" fillId="0" borderId="0" xfId="0" applyFont="1" applyAlignment="1">
      <alignment vertical="center"/>
    </xf>
    <xf numFmtId="0" fontId="4" fillId="0" borderId="0" xfId="0" applyFont="1"/>
    <xf numFmtId="0" fontId="5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6" fillId="0" borderId="1" xfId="0" applyFont="1" applyBorder="1" applyAlignment="1">
      <alignment horizontal="center" vertical="center"/>
    </xf>
    <xf numFmtId="0" fontId="8" fillId="0" borderId="0" xfId="0" applyFont="1" applyAlignment="1">
      <alignment vertical="center"/>
    </xf>
    <xf numFmtId="0" fontId="6" fillId="2" borderId="1" xfId="0" applyFont="1" applyFill="1" applyBorder="1" applyAlignment="1">
      <alignment horizontal="center" vertical="center"/>
    </xf>
    <xf numFmtId="38" fontId="6" fillId="2" borderId="1" xfId="1" applyFont="1" applyFill="1" applyBorder="1" applyAlignment="1">
      <alignment horizontal="right" vertical="center"/>
    </xf>
    <xf numFmtId="0" fontId="6" fillId="3" borderId="1" xfId="0" applyFont="1" applyFill="1" applyBorder="1" applyAlignment="1">
      <alignment horizontal="center" vertical="center"/>
    </xf>
    <xf numFmtId="38" fontId="6" fillId="3" borderId="1" xfId="1" applyFont="1" applyFill="1" applyBorder="1" applyAlignment="1">
      <alignment horizontal="right" vertical="center"/>
    </xf>
    <xf numFmtId="0" fontId="6" fillId="4" borderId="1" xfId="0" applyFont="1" applyFill="1" applyBorder="1" applyAlignment="1">
      <alignment horizontal="center" vertical="center"/>
    </xf>
    <xf numFmtId="38" fontId="6" fillId="4" borderId="1" xfId="1" applyFont="1" applyFill="1" applyBorder="1" applyAlignment="1">
      <alignment horizontal="right" vertical="center"/>
    </xf>
    <xf numFmtId="0" fontId="7" fillId="0" borderId="1" xfId="0" applyFont="1" applyBorder="1" applyAlignment="1">
      <alignment horizontal="center" vertical="center"/>
    </xf>
    <xf numFmtId="38" fontId="6" fillId="0" borderId="1" xfId="1" applyFont="1" applyBorder="1" applyAlignment="1">
      <alignment horizontal="right" vertical="center"/>
    </xf>
    <xf numFmtId="0" fontId="9" fillId="0" borderId="0" xfId="0" applyFont="1" applyAlignment="1">
      <alignment vertical="center"/>
    </xf>
    <xf numFmtId="38" fontId="9" fillId="0" borderId="0" xfId="0" applyNumberFormat="1" applyFont="1" applyAlignment="1">
      <alignment vertical="center"/>
    </xf>
    <xf numFmtId="38" fontId="4" fillId="0" borderId="0" xfId="0" applyNumberFormat="1" applyFont="1" applyAlignment="1">
      <alignment vertical="center"/>
    </xf>
    <xf numFmtId="3" fontId="6" fillId="2" borderId="1" xfId="1" applyNumberFormat="1" applyFont="1" applyFill="1" applyBorder="1" applyAlignment="1">
      <alignment vertical="center"/>
    </xf>
    <xf numFmtId="3" fontId="6" fillId="3" borderId="1" xfId="1" applyNumberFormat="1" applyFont="1" applyFill="1" applyBorder="1" applyAlignment="1">
      <alignment vertical="center"/>
    </xf>
    <xf numFmtId="3" fontId="6" fillId="4" borderId="1" xfId="1" applyNumberFormat="1" applyFont="1" applyFill="1" applyBorder="1" applyAlignment="1">
      <alignment vertical="center"/>
    </xf>
    <xf numFmtId="3" fontId="6" fillId="0" borderId="1" xfId="1" applyNumberFormat="1" applyFont="1" applyBorder="1" applyAlignment="1">
      <alignment vertical="center"/>
    </xf>
    <xf numFmtId="0" fontId="10" fillId="0" borderId="2" xfId="0" applyFont="1" applyBorder="1" applyAlignment="1">
      <alignment horizontal="center" vertical="center"/>
    </xf>
    <xf numFmtId="3" fontId="11" fillId="0" borderId="2" xfId="1" applyNumberFormat="1" applyFont="1" applyBorder="1" applyAlignment="1">
      <alignment vertical="center"/>
    </xf>
    <xf numFmtId="0" fontId="10" fillId="0" borderId="0" xfId="0" applyFont="1" applyAlignment="1">
      <alignment horizontal="center" vertical="center"/>
    </xf>
    <xf numFmtId="3" fontId="11" fillId="0" borderId="0" xfId="1" applyNumberFormat="1" applyFont="1" applyBorder="1" applyAlignment="1">
      <alignment vertical="center"/>
    </xf>
    <xf numFmtId="0" fontId="5" fillId="0" borderId="3" xfId="0" applyFont="1" applyBorder="1" applyAlignment="1">
      <alignment horizontal="left" vertical="center"/>
    </xf>
    <xf numFmtId="3" fontId="12" fillId="0" borderId="3" xfId="1" applyNumberFormat="1" applyFont="1" applyBorder="1" applyAlignment="1">
      <alignment vertical="center"/>
    </xf>
    <xf numFmtId="176" fontId="6" fillId="2" borderId="1" xfId="0" applyNumberFormat="1" applyFont="1" applyFill="1" applyBorder="1" applyAlignment="1">
      <alignment vertical="center"/>
    </xf>
    <xf numFmtId="176" fontId="6" fillId="3" borderId="1" xfId="0" applyNumberFormat="1" applyFont="1" applyFill="1" applyBorder="1" applyAlignment="1">
      <alignment vertical="center"/>
    </xf>
    <xf numFmtId="176" fontId="6" fillId="4" borderId="1" xfId="0" applyNumberFormat="1" applyFont="1" applyFill="1" applyBorder="1" applyAlignment="1">
      <alignment vertical="center"/>
    </xf>
    <xf numFmtId="0" fontId="10" fillId="0" borderId="0" xfId="0" applyFont="1" applyAlignment="1">
      <alignment horizontal="left" vertical="center"/>
    </xf>
    <xf numFmtId="0" fontId="11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13" fillId="0" borderId="0" xfId="0" applyFont="1" applyAlignment="1">
      <alignment horizontal="center" vertical="center"/>
    </xf>
    <xf numFmtId="0" fontId="6" fillId="0" borderId="0" xfId="0" applyFont="1" applyAlignment="1">
      <alignment vertical="center"/>
    </xf>
    <xf numFmtId="38" fontId="6" fillId="2" borderId="1" xfId="1" applyFont="1" applyFill="1" applyBorder="1" applyAlignment="1">
      <alignment vertical="center"/>
    </xf>
    <xf numFmtId="38" fontId="6" fillId="3" borderId="1" xfId="1" applyFont="1" applyFill="1" applyBorder="1" applyAlignment="1">
      <alignment vertical="center"/>
    </xf>
    <xf numFmtId="38" fontId="6" fillId="4" borderId="1" xfId="1" applyFont="1" applyFill="1" applyBorder="1" applyAlignment="1">
      <alignment vertical="center"/>
    </xf>
    <xf numFmtId="0" fontId="7" fillId="0" borderId="0" xfId="0" applyFont="1" applyAlignment="1">
      <alignment horizontal="center" vertical="center"/>
    </xf>
    <xf numFmtId="38" fontId="6" fillId="0" borderId="0" xfId="1" applyFont="1" applyBorder="1" applyAlignment="1">
      <alignment horizontal="right" vertical="center"/>
    </xf>
    <xf numFmtId="0" fontId="7" fillId="0" borderId="0" xfId="0" applyFont="1" applyAlignment="1">
      <alignment vertical="center"/>
    </xf>
    <xf numFmtId="0" fontId="7" fillId="0" borderId="2" xfId="0" applyFont="1" applyBorder="1" applyAlignment="1">
      <alignment horizontal="center" vertical="center"/>
    </xf>
    <xf numFmtId="3" fontId="6" fillId="0" borderId="2" xfId="1" applyNumberFormat="1" applyFont="1" applyBorder="1" applyAlignment="1">
      <alignment vertical="center"/>
    </xf>
    <xf numFmtId="3" fontId="6" fillId="0" borderId="0" xfId="1" applyNumberFormat="1" applyFont="1" applyBorder="1" applyAlignment="1">
      <alignment vertical="center"/>
    </xf>
    <xf numFmtId="0" fontId="7" fillId="0" borderId="3" xfId="0" applyFont="1" applyBorder="1" applyAlignment="1">
      <alignment horizontal="left" vertical="center"/>
    </xf>
    <xf numFmtId="3" fontId="6" fillId="0" borderId="3" xfId="1" applyNumberFormat="1" applyFont="1" applyBorder="1" applyAlignment="1">
      <alignment vertical="center"/>
    </xf>
    <xf numFmtId="177" fontId="6" fillId="2" borderId="1" xfId="0" applyNumberFormat="1" applyFont="1" applyFill="1" applyBorder="1" applyAlignment="1">
      <alignment horizontal="right" vertical="center"/>
    </xf>
    <xf numFmtId="177" fontId="6" fillId="3" borderId="1" xfId="0" applyNumberFormat="1" applyFont="1" applyFill="1" applyBorder="1" applyAlignment="1">
      <alignment horizontal="right" vertical="center"/>
    </xf>
    <xf numFmtId="177" fontId="6" fillId="4" borderId="1" xfId="0" applyNumberFormat="1" applyFont="1" applyFill="1" applyBorder="1" applyAlignment="1">
      <alignment horizontal="right" vertical="center"/>
    </xf>
    <xf numFmtId="0" fontId="7" fillId="0" borderId="0" xfId="0" applyFont="1" applyAlignment="1">
      <alignment horizontal="left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0459852219513517E-2"/>
          <c:y val="3.2258064516129031E-2"/>
          <c:w val="0.90491210418310009"/>
          <c:h val="0.9106699751861042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４．年齢別富山市合計'!$A$30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．年齢別富山市合計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6</c:v>
                </c:pt>
                <c:pt idx="8">
                  <c:v>27</c:v>
                </c:pt>
                <c:pt idx="9">
                  <c:v>28</c:v>
                </c:pt>
                <c:pt idx="10">
                  <c:v>29</c:v>
                </c:pt>
                <c:pt idx="11">
                  <c:v>30</c:v>
                </c:pt>
                <c:pt idx="12">
                  <c:v>令和元</c:v>
                </c:pt>
                <c:pt idx="13">
                  <c:v>2</c:v>
                </c:pt>
                <c:pt idx="14">
                  <c:v>3</c:v>
                </c:pt>
                <c:pt idx="15">
                  <c:v>4</c:v>
                </c:pt>
              </c:strCache>
            </c:strRef>
          </c:cat>
          <c:val>
            <c:numRef>
              <c:f>'４．年齢別富山市合計'!$B$30:$O$30</c:f>
              <c:numCache>
                <c:formatCode>General</c:formatCode>
                <c:ptCount val="14"/>
                <c:pt idx="0">
                  <c:v>0</c:v>
                </c:pt>
                <c:pt idx="1">
                  <c:v>60</c:v>
                </c:pt>
                <c:pt idx="2">
                  <c:v>0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6</c:v>
                </c:pt>
                <c:pt idx="8">
                  <c:v>27</c:v>
                </c:pt>
                <c:pt idx="9">
                  <c:v>28</c:v>
                </c:pt>
                <c:pt idx="10">
                  <c:v>29</c:v>
                </c:pt>
                <c:pt idx="11">
                  <c:v>30</c:v>
                </c:pt>
                <c:pt idx="12">
                  <c:v>0</c:v>
                </c:pt>
                <c:pt idx="13">
                  <c:v>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77D-4051-A29E-D88C6036BAAA}"/>
            </c:ext>
          </c:extLst>
        </c:ser>
        <c:ser>
          <c:idx val="0"/>
          <c:order val="1"/>
          <c:tx>
            <c:strRef>
              <c:f>'４．年齢別富山市合計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．年齢別富山市合計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6</c:v>
                </c:pt>
                <c:pt idx="8">
                  <c:v>27</c:v>
                </c:pt>
                <c:pt idx="9">
                  <c:v>28</c:v>
                </c:pt>
                <c:pt idx="10">
                  <c:v>29</c:v>
                </c:pt>
                <c:pt idx="11">
                  <c:v>30</c:v>
                </c:pt>
                <c:pt idx="12">
                  <c:v>令和元</c:v>
                </c:pt>
                <c:pt idx="13">
                  <c:v>2</c:v>
                </c:pt>
                <c:pt idx="14">
                  <c:v>3</c:v>
                </c:pt>
                <c:pt idx="15">
                  <c:v>4</c:v>
                </c:pt>
              </c:strCache>
            </c:strRef>
          </c:cat>
          <c:val>
            <c:numRef>
              <c:f>'４．年齢別富山市合計'!$B$31:$Q$31</c:f>
              <c:numCache>
                <c:formatCode>#,##0</c:formatCode>
                <c:ptCount val="16"/>
                <c:pt idx="0">
                  <c:v>71088</c:v>
                </c:pt>
                <c:pt idx="1">
                  <c:v>66361</c:v>
                </c:pt>
                <c:pt idx="2">
                  <c:v>55576</c:v>
                </c:pt>
                <c:pt idx="3">
                  <c:v>48759</c:v>
                </c:pt>
                <c:pt idx="4">
                  <c:v>45034</c:v>
                </c:pt>
                <c:pt idx="5">
                  <c:v>57807</c:v>
                </c:pt>
                <c:pt idx="6">
                  <c:v>56390</c:v>
                </c:pt>
                <c:pt idx="7">
                  <c:v>54217</c:v>
                </c:pt>
                <c:pt idx="8">
                  <c:v>53503</c:v>
                </c:pt>
                <c:pt idx="9">
                  <c:v>52716</c:v>
                </c:pt>
                <c:pt idx="10">
                  <c:v>51813</c:v>
                </c:pt>
                <c:pt idx="11">
                  <c:v>50970</c:v>
                </c:pt>
                <c:pt idx="12">
                  <c:v>50110</c:v>
                </c:pt>
                <c:pt idx="13">
                  <c:v>49249</c:v>
                </c:pt>
                <c:pt idx="14">
                  <c:v>48294</c:v>
                </c:pt>
                <c:pt idx="15">
                  <c:v>4731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A77D-4051-A29E-D88C6036BAAA}"/>
            </c:ext>
          </c:extLst>
        </c:ser>
        <c:ser>
          <c:idx val="2"/>
          <c:order val="2"/>
          <c:tx>
            <c:strRef>
              <c:f>'４．年齢別富山市合計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．年齢別富山市合計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6</c:v>
                </c:pt>
                <c:pt idx="8">
                  <c:v>27</c:v>
                </c:pt>
                <c:pt idx="9">
                  <c:v>28</c:v>
                </c:pt>
                <c:pt idx="10">
                  <c:v>29</c:v>
                </c:pt>
                <c:pt idx="11">
                  <c:v>30</c:v>
                </c:pt>
                <c:pt idx="12">
                  <c:v>令和元</c:v>
                </c:pt>
                <c:pt idx="13">
                  <c:v>2</c:v>
                </c:pt>
                <c:pt idx="14">
                  <c:v>3</c:v>
                </c:pt>
                <c:pt idx="15">
                  <c:v>4</c:v>
                </c:pt>
              </c:strCache>
            </c:strRef>
          </c:cat>
          <c:val>
            <c:numRef>
              <c:f>'４．年齢別富山市合計'!$B$32:$Q$32</c:f>
              <c:numCache>
                <c:formatCode>#,##0</c:formatCode>
                <c:ptCount val="16"/>
                <c:pt idx="0">
                  <c:v>203285</c:v>
                </c:pt>
                <c:pt idx="1">
                  <c:v>211131</c:v>
                </c:pt>
                <c:pt idx="2">
                  <c:v>221210</c:v>
                </c:pt>
                <c:pt idx="3">
                  <c:v>222650</c:v>
                </c:pt>
                <c:pt idx="4">
                  <c:v>217780</c:v>
                </c:pt>
                <c:pt idx="5">
                  <c:v>271518</c:v>
                </c:pt>
                <c:pt idx="6">
                  <c:v>260094</c:v>
                </c:pt>
                <c:pt idx="7">
                  <c:v>251419</c:v>
                </c:pt>
                <c:pt idx="8">
                  <c:v>248409</c:v>
                </c:pt>
                <c:pt idx="9">
                  <c:v>246863</c:v>
                </c:pt>
                <c:pt idx="10">
                  <c:v>245882</c:v>
                </c:pt>
                <c:pt idx="11">
                  <c:v>245048</c:v>
                </c:pt>
                <c:pt idx="12">
                  <c:v>243602</c:v>
                </c:pt>
                <c:pt idx="13">
                  <c:v>241649</c:v>
                </c:pt>
                <c:pt idx="14">
                  <c:v>240034</c:v>
                </c:pt>
                <c:pt idx="15">
                  <c:v>23895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A77D-4051-A29E-D88C6036BAAA}"/>
            </c:ext>
          </c:extLst>
        </c:ser>
        <c:ser>
          <c:idx val="3"/>
          <c:order val="3"/>
          <c:tx>
            <c:strRef>
              <c:f>'４．年齢別富山市合計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．年齢別富山市合計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6</c:v>
                </c:pt>
                <c:pt idx="8">
                  <c:v>27</c:v>
                </c:pt>
                <c:pt idx="9">
                  <c:v>28</c:v>
                </c:pt>
                <c:pt idx="10">
                  <c:v>29</c:v>
                </c:pt>
                <c:pt idx="11">
                  <c:v>30</c:v>
                </c:pt>
                <c:pt idx="12">
                  <c:v>令和元</c:v>
                </c:pt>
                <c:pt idx="13">
                  <c:v>2</c:v>
                </c:pt>
                <c:pt idx="14">
                  <c:v>3</c:v>
                </c:pt>
                <c:pt idx="15">
                  <c:v>4</c:v>
                </c:pt>
              </c:strCache>
            </c:strRef>
          </c:cat>
          <c:val>
            <c:numRef>
              <c:f>'４．年齢別富山市合計'!$B$33:$Q$33</c:f>
              <c:numCache>
                <c:formatCode>#,##0</c:formatCode>
                <c:ptCount val="16"/>
                <c:pt idx="0">
                  <c:v>29557</c:v>
                </c:pt>
                <c:pt idx="1">
                  <c:v>35174</c:v>
                </c:pt>
                <c:pt idx="2">
                  <c:v>42081</c:v>
                </c:pt>
                <c:pt idx="3">
                  <c:v>50869</c:v>
                </c:pt>
                <c:pt idx="4">
                  <c:v>59862</c:v>
                </c:pt>
                <c:pt idx="5">
                  <c:v>89238</c:v>
                </c:pt>
                <c:pt idx="6">
                  <c:v>101230</c:v>
                </c:pt>
                <c:pt idx="7">
                  <c:v>114271</c:v>
                </c:pt>
                <c:pt idx="8">
                  <c:v>117045</c:v>
                </c:pt>
                <c:pt idx="9">
                  <c:v>118916</c:v>
                </c:pt>
                <c:pt idx="10">
                  <c:v>120227</c:v>
                </c:pt>
                <c:pt idx="11">
                  <c:v>121607</c:v>
                </c:pt>
                <c:pt idx="12">
                  <c:v>122463</c:v>
                </c:pt>
                <c:pt idx="13">
                  <c:v>123456</c:v>
                </c:pt>
                <c:pt idx="14">
                  <c:v>123628</c:v>
                </c:pt>
                <c:pt idx="15">
                  <c:v>12331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A77D-4051-A29E-D88C6036BAA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1203928"/>
        <c:axId val="471204320"/>
      </c:barChart>
      <c:catAx>
        <c:axId val="47120392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120432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1204320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1203928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6715122072745413E-2"/>
          <c:y val="4.2957304526748973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４．年齢別富山市合計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４．年齢別富山市合計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6</c:v>
                </c:pt>
                <c:pt idx="8">
                  <c:v>27</c:v>
                </c:pt>
                <c:pt idx="9">
                  <c:v>28</c:v>
                </c:pt>
                <c:pt idx="10">
                  <c:v>29</c:v>
                </c:pt>
                <c:pt idx="11">
                  <c:v>30</c:v>
                </c:pt>
                <c:pt idx="12">
                  <c:v>令和元</c:v>
                </c:pt>
                <c:pt idx="13">
                  <c:v>2</c:v>
                </c:pt>
                <c:pt idx="14">
                  <c:v>3</c:v>
                </c:pt>
                <c:pt idx="15">
                  <c:v>4</c:v>
                </c:pt>
              </c:strCache>
            </c:strRef>
          </c:cat>
          <c:val>
            <c:numRef>
              <c:f>'４．年齢別富山市合計'!$B$105:$Q$105</c:f>
              <c:numCache>
                <c:formatCode>#,##0_);[Red]\(#,##0\)</c:formatCode>
                <c:ptCount val="16"/>
                <c:pt idx="0">
                  <c:v>147673</c:v>
                </c:pt>
                <c:pt idx="1">
                  <c:v>151727</c:v>
                </c:pt>
                <c:pt idx="2">
                  <c:v>154509</c:v>
                </c:pt>
                <c:pt idx="3">
                  <c:v>156291</c:v>
                </c:pt>
                <c:pt idx="4">
                  <c:v>156390</c:v>
                </c:pt>
                <c:pt idx="5">
                  <c:v>203122</c:v>
                </c:pt>
                <c:pt idx="6">
                  <c:v>202613</c:v>
                </c:pt>
                <c:pt idx="7">
                  <c:v>203500</c:v>
                </c:pt>
                <c:pt idx="8">
                  <c:v>203114</c:v>
                </c:pt>
                <c:pt idx="9">
                  <c:v>203143</c:v>
                </c:pt>
                <c:pt idx="10">
                  <c:v>203219</c:v>
                </c:pt>
                <c:pt idx="11">
                  <c:v>203496</c:v>
                </c:pt>
                <c:pt idx="12">
                  <c:v>202625</c:v>
                </c:pt>
                <c:pt idx="13">
                  <c:v>202010</c:v>
                </c:pt>
                <c:pt idx="14">
                  <c:v>200934</c:v>
                </c:pt>
                <c:pt idx="15">
                  <c:v>19989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6DE-4B66-9814-0FBCDF522AB0}"/>
            </c:ext>
          </c:extLst>
        </c:ser>
        <c:ser>
          <c:idx val="1"/>
          <c:order val="1"/>
          <c:tx>
            <c:strRef>
              <c:f>'４．年齢別富山市合計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４．年齢別富山市合計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6</c:v>
                </c:pt>
                <c:pt idx="8">
                  <c:v>27</c:v>
                </c:pt>
                <c:pt idx="9">
                  <c:v>28</c:v>
                </c:pt>
                <c:pt idx="10">
                  <c:v>29</c:v>
                </c:pt>
                <c:pt idx="11">
                  <c:v>30</c:v>
                </c:pt>
                <c:pt idx="12">
                  <c:v>令和元</c:v>
                </c:pt>
                <c:pt idx="13">
                  <c:v>2</c:v>
                </c:pt>
                <c:pt idx="14">
                  <c:v>3</c:v>
                </c:pt>
                <c:pt idx="15">
                  <c:v>4</c:v>
                </c:pt>
              </c:strCache>
            </c:strRef>
          </c:cat>
          <c:val>
            <c:numRef>
              <c:f>'４．年齢別富山市合計'!$B$159:$Q$159</c:f>
              <c:numCache>
                <c:formatCode>#,##0_);[Red]\(#,##0\)</c:formatCode>
                <c:ptCount val="16"/>
                <c:pt idx="0">
                  <c:v>156257</c:v>
                </c:pt>
                <c:pt idx="1">
                  <c:v>160939</c:v>
                </c:pt>
                <c:pt idx="2">
                  <c:v>164358</c:v>
                </c:pt>
                <c:pt idx="3">
                  <c:v>165987</c:v>
                </c:pt>
                <c:pt idx="4">
                  <c:v>166286</c:v>
                </c:pt>
                <c:pt idx="5">
                  <c:v>215441</c:v>
                </c:pt>
                <c:pt idx="6">
                  <c:v>215101</c:v>
                </c:pt>
                <c:pt idx="7">
                  <c:v>216407</c:v>
                </c:pt>
                <c:pt idx="8">
                  <c:v>215843</c:v>
                </c:pt>
                <c:pt idx="9">
                  <c:v>215352</c:v>
                </c:pt>
                <c:pt idx="10">
                  <c:v>214703</c:v>
                </c:pt>
                <c:pt idx="11">
                  <c:v>214129</c:v>
                </c:pt>
                <c:pt idx="12">
                  <c:v>213550</c:v>
                </c:pt>
                <c:pt idx="13">
                  <c:v>212344</c:v>
                </c:pt>
                <c:pt idx="14">
                  <c:v>211022</c:v>
                </c:pt>
                <c:pt idx="15">
                  <c:v>20968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D6DE-4B66-9814-0FBCDF522AB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1197656"/>
        <c:axId val="472690992"/>
      </c:barChart>
      <c:lineChart>
        <c:grouping val="standard"/>
        <c:varyColors val="0"/>
        <c:ser>
          <c:idx val="2"/>
          <c:order val="2"/>
          <c:tx>
            <c:strRef>
              <c:f>'４．年齢別富山市合計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．年齢別富山市合計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6</c:v>
                </c:pt>
                <c:pt idx="8">
                  <c:v>27</c:v>
                </c:pt>
                <c:pt idx="9">
                  <c:v>28</c:v>
                </c:pt>
                <c:pt idx="10">
                  <c:v>29</c:v>
                </c:pt>
                <c:pt idx="11">
                  <c:v>30</c:v>
                </c:pt>
                <c:pt idx="12">
                  <c:v>令和元</c:v>
                </c:pt>
                <c:pt idx="13">
                  <c:v>2</c:v>
                </c:pt>
                <c:pt idx="14">
                  <c:v>3</c:v>
                </c:pt>
                <c:pt idx="15">
                  <c:v>4</c:v>
                </c:pt>
              </c:strCache>
            </c:strRef>
          </c:cat>
          <c:val>
            <c:numRef>
              <c:f>'４．年齢別富山市合計'!$B$26:$Q$26</c:f>
              <c:numCache>
                <c:formatCode>#,##0_);[Red]\(#,##0\)</c:formatCode>
                <c:ptCount val="16"/>
                <c:pt idx="0">
                  <c:v>303930</c:v>
                </c:pt>
                <c:pt idx="1">
                  <c:v>312666</c:v>
                </c:pt>
                <c:pt idx="2">
                  <c:v>318867</c:v>
                </c:pt>
                <c:pt idx="3">
                  <c:v>322278</c:v>
                </c:pt>
                <c:pt idx="4">
                  <c:v>322676</c:v>
                </c:pt>
                <c:pt idx="5">
                  <c:v>418563</c:v>
                </c:pt>
                <c:pt idx="6">
                  <c:v>417714</c:v>
                </c:pt>
                <c:pt idx="7">
                  <c:v>419907</c:v>
                </c:pt>
                <c:pt idx="8">
                  <c:v>418957</c:v>
                </c:pt>
                <c:pt idx="9">
                  <c:v>418495</c:v>
                </c:pt>
                <c:pt idx="10">
                  <c:v>417922</c:v>
                </c:pt>
                <c:pt idx="11">
                  <c:v>417625</c:v>
                </c:pt>
                <c:pt idx="12">
                  <c:v>416175</c:v>
                </c:pt>
                <c:pt idx="13">
                  <c:v>414354</c:v>
                </c:pt>
                <c:pt idx="14">
                  <c:v>411956</c:v>
                </c:pt>
                <c:pt idx="15">
                  <c:v>40958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D6DE-4B66-9814-0FBCDF522AB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1197656"/>
        <c:axId val="472690992"/>
      </c:lineChart>
      <c:catAx>
        <c:axId val="47119765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2690992"/>
        <c:crosses val="autoZero"/>
        <c:auto val="0"/>
        <c:lblAlgn val="ctr"/>
        <c:lblOffset val="100"/>
        <c:tickLblSkip val="1"/>
        <c:noMultiLvlLbl val="0"/>
      </c:catAx>
      <c:valAx>
        <c:axId val="472690992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1197656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5802597109304426"/>
          <c:y val="0.25994356060606061"/>
          <c:w val="0.10325203252032521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49579</xdr:colOff>
      <xdr:row>50</xdr:row>
      <xdr:rowOff>283152</xdr:rowOff>
    </xdr:from>
    <xdr:to>
      <xdr:col>16</xdr:col>
      <xdr:colOff>940706</xdr:colOff>
      <xdr:row>77</xdr:row>
      <xdr:rowOff>203625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E7D36272-4AB4-4AD1-9C29-1A272B5CF47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64851</xdr:colOff>
      <xdr:row>54</xdr:row>
      <xdr:rowOff>171452</xdr:rowOff>
    </xdr:from>
    <xdr:to>
      <xdr:col>13</xdr:col>
      <xdr:colOff>209794</xdr:colOff>
      <xdr:row>55</xdr:row>
      <xdr:rowOff>129537</xdr:rowOff>
    </xdr:to>
    <xdr:sp macro="" textlink="">
      <xdr:nvSpPr>
        <xdr:cNvPr id="3" name="Text Box 2">
          <a:extLst>
            <a:ext uri="{FF2B5EF4-FFF2-40B4-BE49-F238E27FC236}">
              <a16:creationId xmlns:a16="http://schemas.microsoft.com/office/drawing/2014/main" id="{9F46A1F3-8E30-4DBE-9FD4-0B58B5E92C5D}"/>
            </a:ext>
          </a:extLst>
        </xdr:cNvPr>
        <xdr:cNvSpPr txBox="1">
          <a:spLocks noChangeArrowheads="1"/>
        </xdr:cNvSpPr>
      </xdr:nvSpPr>
      <xdr:spPr bwMode="auto">
        <a:xfrm>
          <a:off x="11764371" y="15807692"/>
          <a:ext cx="789823" cy="24764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en-US" altLang="ja-JP" sz="1400" b="0" i="0" u="none" strike="noStrike" baseline="0">
            <a:solidFill>
              <a:srgbClr val="000000"/>
            </a:solidFill>
            <a:latin typeface="ＭＳ ゴシック"/>
            <a:ea typeface="ＭＳ ゴシック"/>
          </a:endParaRPr>
        </a:p>
        <a:p>
          <a:pPr algn="ctr" rtl="0">
            <a:defRPr sz="1000"/>
          </a:pPr>
          <a:endParaRPr lang="en-US" altLang="ja-JP"/>
        </a:p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12</xdr:col>
      <xdr:colOff>365703</xdr:colOff>
      <xdr:row>74</xdr:row>
      <xdr:rowOff>154982</xdr:rowOff>
    </xdr:from>
    <xdr:to>
      <xdr:col>13</xdr:col>
      <xdr:colOff>210646</xdr:colOff>
      <xdr:row>75</xdr:row>
      <xdr:rowOff>113068</xdr:rowOff>
    </xdr:to>
    <xdr:sp macro="" textlink="">
      <xdr:nvSpPr>
        <xdr:cNvPr id="4" name="Text Box 3">
          <a:extLst>
            <a:ext uri="{FF2B5EF4-FFF2-40B4-BE49-F238E27FC236}">
              <a16:creationId xmlns:a16="http://schemas.microsoft.com/office/drawing/2014/main" id="{FDB4B45D-1C4A-4F91-93F7-1CE934EF54F9}"/>
            </a:ext>
          </a:extLst>
        </xdr:cNvPr>
        <xdr:cNvSpPr txBox="1">
          <a:spLocks noChangeArrowheads="1"/>
        </xdr:cNvSpPr>
      </xdr:nvSpPr>
      <xdr:spPr bwMode="auto">
        <a:xfrm>
          <a:off x="11765223" y="21582422"/>
          <a:ext cx="789823" cy="247646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9790</xdr:colOff>
      <xdr:row>65</xdr:row>
      <xdr:rowOff>12122</xdr:rowOff>
    </xdr:from>
    <xdr:to>
      <xdr:col>13</xdr:col>
      <xdr:colOff>214733</xdr:colOff>
      <xdr:row>65</xdr:row>
      <xdr:rowOff>264122</xdr:rowOff>
    </xdr:to>
    <xdr:sp macro="" textlink="">
      <xdr:nvSpPr>
        <xdr:cNvPr id="5" name="Text Box 4">
          <a:extLst>
            <a:ext uri="{FF2B5EF4-FFF2-40B4-BE49-F238E27FC236}">
              <a16:creationId xmlns:a16="http://schemas.microsoft.com/office/drawing/2014/main" id="{62422E7E-DF25-42D0-9FE3-B867702A144D}"/>
            </a:ext>
          </a:extLst>
        </xdr:cNvPr>
        <xdr:cNvSpPr txBox="1">
          <a:spLocks noChangeArrowheads="1"/>
        </xdr:cNvSpPr>
      </xdr:nvSpPr>
      <xdr:spPr bwMode="auto">
        <a:xfrm>
          <a:off x="11769310" y="18833522"/>
          <a:ext cx="789823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76199</xdr:colOff>
      <xdr:row>50</xdr:row>
      <xdr:rowOff>270164</xdr:rowOff>
    </xdr:from>
    <xdr:to>
      <xdr:col>8</xdr:col>
      <xdr:colOff>498054</xdr:colOff>
      <xdr:row>77</xdr:row>
      <xdr:rowOff>190637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452A0E48-663B-4C2B-AD80-663C6DDB91BF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3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08&#20225;&#30011;&#35519;&#25972;/s1/&#12288;&#20225;&#30011;&#35519;&#25972;&#35506;&#12501;&#12457;&#12523;&#12480;/04&#32113;&#35336;&#35519;&#26619;/04&#12288;&#30476;&#31561;&#22996;&#35351;&#32113;&#35336;/06&#12288;&#20154;&#21475;&#35519;&#26619;/&#20154;&#21475;&#12398;&#25512;&#31227;/R4/&#9675;hp%20R04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/>
      <sheetData sheetId="3"/>
      <sheetData sheetId="4"/>
      <sheetData sheetId="9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6</v>
          </cell>
          <cell r="J4">
            <v>27</v>
          </cell>
          <cell r="K4">
            <v>28</v>
          </cell>
          <cell r="L4">
            <v>29</v>
          </cell>
          <cell r="M4">
            <v>30</v>
          </cell>
          <cell r="N4" t="str">
            <v>令和元</v>
          </cell>
          <cell r="O4">
            <v>2</v>
          </cell>
          <cell r="P4">
            <v>3</v>
          </cell>
          <cell r="Q4">
            <v>4</v>
          </cell>
        </row>
        <row r="26">
          <cell r="A26" t="str">
            <v>男女計</v>
          </cell>
          <cell r="B26">
            <v>303930</v>
          </cell>
          <cell r="C26">
            <v>312666</v>
          </cell>
          <cell r="D26">
            <v>318867</v>
          </cell>
          <cell r="E26">
            <v>322278</v>
          </cell>
          <cell r="F26">
            <v>322676</v>
          </cell>
          <cell r="G26">
            <v>418563</v>
          </cell>
          <cell r="H26">
            <v>417714</v>
          </cell>
          <cell r="I26">
            <v>419907</v>
          </cell>
          <cell r="J26">
            <v>418957</v>
          </cell>
          <cell r="K26">
            <v>418495</v>
          </cell>
          <cell r="L26">
            <v>417922</v>
          </cell>
          <cell r="M26">
            <v>417625</v>
          </cell>
          <cell r="N26">
            <v>416175</v>
          </cell>
          <cell r="O26">
            <v>414354</v>
          </cell>
          <cell r="P26">
            <v>411956</v>
          </cell>
          <cell r="Q26">
            <v>409580</v>
          </cell>
        </row>
        <row r="30">
          <cell r="A30" t="str">
            <v>年齢</v>
          </cell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6</v>
          </cell>
          <cell r="J30">
            <v>27</v>
          </cell>
          <cell r="K30">
            <v>28</v>
          </cell>
          <cell r="L30">
            <v>29</v>
          </cell>
          <cell r="M30">
            <v>30</v>
          </cell>
          <cell r="N30" t="str">
            <v>令和元</v>
          </cell>
          <cell r="O30">
            <v>2</v>
          </cell>
          <cell r="P30">
            <v>3</v>
          </cell>
          <cell r="Q30">
            <v>4</v>
          </cell>
        </row>
        <row r="31">
          <cell r="A31" t="str">
            <v>0～14歳</v>
          </cell>
          <cell r="B31">
            <v>71088</v>
          </cell>
          <cell r="C31">
            <v>66361</v>
          </cell>
          <cell r="D31">
            <v>55576</v>
          </cell>
          <cell r="E31">
            <v>48759</v>
          </cell>
          <cell r="F31">
            <v>45034</v>
          </cell>
          <cell r="G31">
            <v>57807</v>
          </cell>
          <cell r="H31">
            <v>56390</v>
          </cell>
          <cell r="I31">
            <v>54217</v>
          </cell>
          <cell r="J31">
            <v>53503</v>
          </cell>
          <cell r="K31">
            <v>52716</v>
          </cell>
          <cell r="L31">
            <v>51813</v>
          </cell>
          <cell r="M31">
            <v>50970</v>
          </cell>
          <cell r="N31">
            <v>50110</v>
          </cell>
          <cell r="O31">
            <v>49249</v>
          </cell>
          <cell r="P31">
            <v>48294</v>
          </cell>
          <cell r="Q31">
            <v>47316</v>
          </cell>
        </row>
        <row r="32">
          <cell r="A32" t="str">
            <v>15～64歳</v>
          </cell>
          <cell r="B32">
            <v>203285</v>
          </cell>
          <cell r="C32">
            <v>211131</v>
          </cell>
          <cell r="D32">
            <v>221210</v>
          </cell>
          <cell r="E32">
            <v>222650</v>
          </cell>
          <cell r="F32">
            <v>217780</v>
          </cell>
          <cell r="G32">
            <v>271518</v>
          </cell>
          <cell r="H32">
            <v>260094</v>
          </cell>
          <cell r="I32">
            <v>251419</v>
          </cell>
          <cell r="J32">
            <v>248409</v>
          </cell>
          <cell r="K32">
            <v>246863</v>
          </cell>
          <cell r="L32">
            <v>245882</v>
          </cell>
          <cell r="M32">
            <v>245048</v>
          </cell>
          <cell r="N32">
            <v>243602</v>
          </cell>
          <cell r="O32">
            <v>241649</v>
          </cell>
          <cell r="P32">
            <v>240034</v>
          </cell>
          <cell r="Q32">
            <v>238954</v>
          </cell>
        </row>
        <row r="33">
          <cell r="A33" t="str">
            <v>65歳以上</v>
          </cell>
          <cell r="B33">
            <v>29557</v>
          </cell>
          <cell r="C33">
            <v>35174</v>
          </cell>
          <cell r="D33">
            <v>42081</v>
          </cell>
          <cell r="E33">
            <v>50869</v>
          </cell>
          <cell r="F33">
            <v>59862</v>
          </cell>
          <cell r="G33">
            <v>89238</v>
          </cell>
          <cell r="H33">
            <v>101230</v>
          </cell>
          <cell r="I33">
            <v>114271</v>
          </cell>
          <cell r="J33">
            <v>117045</v>
          </cell>
          <cell r="K33">
            <v>118916</v>
          </cell>
          <cell r="L33">
            <v>120227</v>
          </cell>
          <cell r="M33">
            <v>121607</v>
          </cell>
          <cell r="N33">
            <v>122463</v>
          </cell>
          <cell r="O33">
            <v>123456</v>
          </cell>
          <cell r="P33">
            <v>123628</v>
          </cell>
          <cell r="Q33">
            <v>123310</v>
          </cell>
        </row>
        <row r="105">
          <cell r="A105" t="str">
            <v>男計</v>
          </cell>
          <cell r="B105">
            <v>147673</v>
          </cell>
          <cell r="C105">
            <v>151727</v>
          </cell>
          <cell r="D105">
            <v>154509</v>
          </cell>
          <cell r="E105">
            <v>156291</v>
          </cell>
          <cell r="F105">
            <v>156390</v>
          </cell>
          <cell r="G105">
            <v>203122</v>
          </cell>
          <cell r="H105">
            <v>202613</v>
          </cell>
          <cell r="I105">
            <v>203500</v>
          </cell>
          <cell r="J105">
            <v>203114</v>
          </cell>
          <cell r="K105">
            <v>203143</v>
          </cell>
          <cell r="L105">
            <v>203219</v>
          </cell>
          <cell r="M105">
            <v>203496</v>
          </cell>
          <cell r="N105">
            <v>202625</v>
          </cell>
          <cell r="O105">
            <v>202010</v>
          </cell>
          <cell r="P105">
            <v>200934</v>
          </cell>
          <cell r="Q105">
            <v>199894</v>
          </cell>
        </row>
        <row r="151">
          <cell r="A151" t="str">
            <v>女計</v>
          </cell>
        </row>
        <row r="159">
          <cell r="B159">
            <v>156257</v>
          </cell>
          <cell r="C159">
            <v>160939</v>
          </cell>
          <cell r="D159">
            <v>164358</v>
          </cell>
          <cell r="E159">
            <v>165987</v>
          </cell>
          <cell r="F159">
            <v>166286</v>
          </cell>
          <cell r="G159">
            <v>215441</v>
          </cell>
          <cell r="H159">
            <v>215101</v>
          </cell>
          <cell r="I159">
            <v>216407</v>
          </cell>
          <cell r="J159">
            <v>215843</v>
          </cell>
          <cell r="K159">
            <v>215352</v>
          </cell>
          <cell r="L159">
            <v>214703</v>
          </cell>
          <cell r="M159">
            <v>214129</v>
          </cell>
          <cell r="N159">
            <v>213550</v>
          </cell>
          <cell r="O159">
            <v>212344</v>
          </cell>
          <cell r="P159">
            <v>211022</v>
          </cell>
          <cell r="Q159">
            <v>209686</v>
          </cell>
        </row>
      </sheetData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B7EEC2D-BF0B-48CE-A91E-750C9EDED194}">
  <sheetPr codeName="Sheet4"/>
  <dimension ref="A1:R167"/>
  <sheetViews>
    <sheetView tabSelected="1" zoomScale="55" zoomScaleNormal="55" zoomScaleSheetLayoutView="55" workbookViewId="0"/>
  </sheetViews>
  <sheetFormatPr defaultRowHeight="20.100000000000001" customHeight="1" x14ac:dyDescent="0.2"/>
  <cols>
    <col min="1" max="1" width="14.6640625" customWidth="1"/>
    <col min="2" max="17" width="13.77734375" customWidth="1"/>
    <col min="18" max="18" width="11.6640625" customWidth="1"/>
  </cols>
  <sheetData>
    <row r="1" spans="1:17" s="2" customFormat="1" ht="23.25" customHeight="1" x14ac:dyDescent="0.3">
      <c r="A1" s="1" t="s">
        <v>0</v>
      </c>
    </row>
    <row r="2" spans="1:17" ht="23.25" customHeight="1" x14ac:dyDescent="0.2"/>
    <row r="3" spans="1:17" s="4" customFormat="1" ht="23.25" customHeight="1" x14ac:dyDescent="0.2">
      <c r="A3" s="3" t="s">
        <v>1</v>
      </c>
    </row>
    <row r="4" spans="1:17" s="6" customFormat="1" ht="23.25" customHeight="1" x14ac:dyDescent="0.2">
      <c r="A4" s="5" t="s">
        <v>2</v>
      </c>
      <c r="B4" s="5" t="s">
        <v>3</v>
      </c>
      <c r="C4" s="5">
        <v>60</v>
      </c>
      <c r="D4" s="5" t="s">
        <v>4</v>
      </c>
      <c r="E4" s="5">
        <v>7</v>
      </c>
      <c r="F4" s="5">
        <v>12</v>
      </c>
      <c r="G4" s="5">
        <v>17</v>
      </c>
      <c r="H4" s="5">
        <v>22</v>
      </c>
      <c r="I4" s="5">
        <v>26</v>
      </c>
      <c r="J4" s="5">
        <v>27</v>
      </c>
      <c r="K4" s="5">
        <v>28</v>
      </c>
      <c r="L4" s="5">
        <v>29</v>
      </c>
      <c r="M4" s="5">
        <v>30</v>
      </c>
      <c r="N4" s="5" t="s">
        <v>5</v>
      </c>
      <c r="O4" s="5">
        <v>2</v>
      </c>
      <c r="P4" s="5">
        <v>3</v>
      </c>
      <c r="Q4" s="5">
        <v>4</v>
      </c>
    </row>
    <row r="5" spans="1:17" s="6" customFormat="1" ht="23.25" customHeight="1" x14ac:dyDescent="0.2">
      <c r="A5" s="7" t="s">
        <v>6</v>
      </c>
      <c r="B5" s="8">
        <v>21317</v>
      </c>
      <c r="C5" s="8">
        <v>17809</v>
      </c>
      <c r="D5" s="8">
        <v>15788</v>
      </c>
      <c r="E5" s="8">
        <v>15085</v>
      </c>
      <c r="F5" s="8">
        <v>15111</v>
      </c>
      <c r="G5" s="8">
        <v>19083</v>
      </c>
      <c r="H5" s="8">
        <v>17664</v>
      </c>
      <c r="I5" s="8">
        <v>16713</v>
      </c>
      <c r="J5" s="8">
        <v>16443</v>
      </c>
      <c r="K5" s="8">
        <v>16217</v>
      </c>
      <c r="L5" s="8">
        <v>16027</v>
      </c>
      <c r="M5" s="8">
        <v>15689</v>
      </c>
      <c r="N5" s="8">
        <v>15506</v>
      </c>
      <c r="O5" s="8">
        <v>15102</v>
      </c>
      <c r="P5" s="8">
        <v>14524</v>
      </c>
      <c r="Q5" s="8">
        <v>14038</v>
      </c>
    </row>
    <row r="6" spans="1:17" s="6" customFormat="1" ht="23.25" customHeight="1" x14ac:dyDescent="0.2">
      <c r="A6" s="7" t="s">
        <v>7</v>
      </c>
      <c r="B6" s="8">
        <v>26858</v>
      </c>
      <c r="C6" s="8">
        <v>21627</v>
      </c>
      <c r="D6" s="8">
        <v>18070</v>
      </c>
      <c r="E6" s="8">
        <v>15601</v>
      </c>
      <c r="F6" s="8">
        <v>14529</v>
      </c>
      <c r="G6" s="8">
        <v>19529</v>
      </c>
      <c r="H6" s="8">
        <v>19158</v>
      </c>
      <c r="I6" s="8">
        <v>17975</v>
      </c>
      <c r="J6" s="8">
        <v>17800</v>
      </c>
      <c r="K6" s="8">
        <v>17573</v>
      </c>
      <c r="L6" s="8">
        <v>17341</v>
      </c>
      <c r="M6" s="8">
        <v>16926</v>
      </c>
      <c r="N6" s="8">
        <v>16663</v>
      </c>
      <c r="O6" s="8">
        <v>16393</v>
      </c>
      <c r="P6" s="8">
        <v>16242</v>
      </c>
      <c r="Q6" s="8">
        <v>15935</v>
      </c>
    </row>
    <row r="7" spans="1:17" s="6" customFormat="1" ht="23.25" customHeight="1" x14ac:dyDescent="0.2">
      <c r="A7" s="7" t="s">
        <v>8</v>
      </c>
      <c r="B7" s="8">
        <v>22913</v>
      </c>
      <c r="C7" s="8">
        <v>26925</v>
      </c>
      <c r="D7" s="8">
        <v>21718</v>
      </c>
      <c r="E7" s="8">
        <v>18073</v>
      </c>
      <c r="F7" s="8">
        <v>15394</v>
      </c>
      <c r="G7" s="8">
        <v>19195</v>
      </c>
      <c r="H7" s="8">
        <v>19568</v>
      </c>
      <c r="I7" s="8">
        <v>19529</v>
      </c>
      <c r="J7" s="8">
        <v>19260</v>
      </c>
      <c r="K7" s="8">
        <v>18926</v>
      </c>
      <c r="L7" s="8">
        <v>18445</v>
      </c>
      <c r="M7" s="8">
        <v>18355</v>
      </c>
      <c r="N7" s="8">
        <v>17941</v>
      </c>
      <c r="O7" s="8">
        <v>17754</v>
      </c>
      <c r="P7" s="8">
        <v>17528</v>
      </c>
      <c r="Q7" s="8">
        <v>17343</v>
      </c>
    </row>
    <row r="8" spans="1:17" s="6" customFormat="1" ht="23.25" customHeight="1" x14ac:dyDescent="0.2">
      <c r="A8" s="9" t="s">
        <v>9</v>
      </c>
      <c r="B8" s="10">
        <v>20184</v>
      </c>
      <c r="C8" s="10">
        <v>22595</v>
      </c>
      <c r="D8" s="10">
        <v>26626</v>
      </c>
      <c r="E8" s="10">
        <v>21579</v>
      </c>
      <c r="F8" s="10">
        <v>17943</v>
      </c>
      <c r="G8" s="10">
        <v>20683</v>
      </c>
      <c r="H8" s="10">
        <v>19253</v>
      </c>
      <c r="I8" s="10">
        <v>19706</v>
      </c>
      <c r="J8" s="10">
        <v>19580</v>
      </c>
      <c r="K8" s="10">
        <v>19781</v>
      </c>
      <c r="L8" s="10">
        <v>19905</v>
      </c>
      <c r="M8" s="10">
        <v>19770</v>
      </c>
      <c r="N8" s="10">
        <v>19718</v>
      </c>
      <c r="O8" s="10">
        <v>19255</v>
      </c>
      <c r="P8" s="10">
        <v>18836</v>
      </c>
      <c r="Q8" s="10">
        <v>18388</v>
      </c>
    </row>
    <row r="9" spans="1:17" s="6" customFormat="1" ht="23.25" customHeight="1" x14ac:dyDescent="0.2">
      <c r="A9" s="9" t="s">
        <v>10</v>
      </c>
      <c r="B9" s="10">
        <v>17551</v>
      </c>
      <c r="C9" s="10">
        <v>18579</v>
      </c>
      <c r="D9" s="10">
        <v>21460</v>
      </c>
      <c r="E9" s="10">
        <v>25911</v>
      </c>
      <c r="F9" s="10">
        <v>21116</v>
      </c>
      <c r="G9" s="10">
        <v>22587</v>
      </c>
      <c r="H9" s="10">
        <v>19678</v>
      </c>
      <c r="I9" s="10">
        <v>19137</v>
      </c>
      <c r="J9" s="10">
        <v>19169</v>
      </c>
      <c r="K9" s="10">
        <v>19388</v>
      </c>
      <c r="L9" s="10">
        <v>19771</v>
      </c>
      <c r="M9" s="10">
        <v>20309</v>
      </c>
      <c r="N9" s="10">
        <v>20264</v>
      </c>
      <c r="O9" s="10">
        <v>20136</v>
      </c>
      <c r="P9" s="10">
        <v>20053</v>
      </c>
      <c r="Q9" s="10">
        <v>20228</v>
      </c>
    </row>
    <row r="10" spans="1:17" s="6" customFormat="1" ht="23.25" customHeight="1" x14ac:dyDescent="0.2">
      <c r="A10" s="9" t="s">
        <v>11</v>
      </c>
      <c r="B10" s="10">
        <v>21042</v>
      </c>
      <c r="C10" s="10">
        <v>17729</v>
      </c>
      <c r="D10" s="10">
        <v>19216</v>
      </c>
      <c r="E10" s="10">
        <v>21751</v>
      </c>
      <c r="F10" s="10">
        <v>25558</v>
      </c>
      <c r="G10" s="10">
        <v>25820</v>
      </c>
      <c r="H10" s="10">
        <v>21774</v>
      </c>
      <c r="I10" s="10">
        <v>20941</v>
      </c>
      <c r="J10" s="10">
        <v>20482</v>
      </c>
      <c r="K10" s="10">
        <v>20001</v>
      </c>
      <c r="L10" s="10">
        <v>19818</v>
      </c>
      <c r="M10" s="10">
        <v>19947</v>
      </c>
      <c r="N10" s="10">
        <v>19663</v>
      </c>
      <c r="O10" s="10">
        <v>19777</v>
      </c>
      <c r="P10" s="10">
        <v>19792</v>
      </c>
      <c r="Q10" s="10">
        <v>20031</v>
      </c>
    </row>
    <row r="11" spans="1:17" s="6" customFormat="1" ht="23.25" customHeight="1" x14ac:dyDescent="0.2">
      <c r="A11" s="9" t="s">
        <v>12</v>
      </c>
      <c r="B11" s="10">
        <v>29157</v>
      </c>
      <c r="C11" s="10">
        <v>21772</v>
      </c>
      <c r="D11" s="10">
        <v>18227</v>
      </c>
      <c r="E11" s="10">
        <v>19422</v>
      </c>
      <c r="F11" s="10">
        <v>21634</v>
      </c>
      <c r="G11" s="10">
        <v>32505</v>
      </c>
      <c r="H11" s="10">
        <v>26552</v>
      </c>
      <c r="I11" s="10">
        <v>23640</v>
      </c>
      <c r="J11" s="10">
        <v>23128</v>
      </c>
      <c r="K11" s="10">
        <v>22910</v>
      </c>
      <c r="L11" s="10">
        <v>22479</v>
      </c>
      <c r="M11" s="10">
        <v>22153</v>
      </c>
      <c r="N11" s="10">
        <v>21602</v>
      </c>
      <c r="O11" s="10">
        <v>20977</v>
      </c>
      <c r="P11" s="10">
        <v>20297</v>
      </c>
      <c r="Q11" s="10">
        <v>19766</v>
      </c>
    </row>
    <row r="12" spans="1:17" s="6" customFormat="1" ht="23.25" customHeight="1" x14ac:dyDescent="0.2">
      <c r="A12" s="9" t="s">
        <v>13</v>
      </c>
      <c r="B12" s="10">
        <v>25248</v>
      </c>
      <c r="C12" s="10">
        <v>29476</v>
      </c>
      <c r="D12" s="10">
        <v>22071</v>
      </c>
      <c r="E12" s="10">
        <v>18457</v>
      </c>
      <c r="F12" s="10">
        <v>19264</v>
      </c>
      <c r="G12" s="10">
        <v>27482</v>
      </c>
      <c r="H12" s="10">
        <v>33161</v>
      </c>
      <c r="I12" s="10">
        <v>29057</v>
      </c>
      <c r="J12" s="10">
        <v>27528</v>
      </c>
      <c r="K12" s="10">
        <v>26191</v>
      </c>
      <c r="L12" s="10">
        <v>25347</v>
      </c>
      <c r="M12" s="10">
        <v>24412</v>
      </c>
      <c r="N12" s="10">
        <v>23867</v>
      </c>
      <c r="O12" s="10">
        <v>23468</v>
      </c>
      <c r="P12" s="10">
        <v>23259</v>
      </c>
      <c r="Q12" s="10">
        <v>22609</v>
      </c>
    </row>
    <row r="13" spans="1:17" s="6" customFormat="1" ht="23.25" customHeight="1" x14ac:dyDescent="0.2">
      <c r="A13" s="9" t="s">
        <v>14</v>
      </c>
      <c r="B13" s="10">
        <v>21931</v>
      </c>
      <c r="C13" s="10">
        <v>25234</v>
      </c>
      <c r="D13" s="10">
        <v>29401</v>
      </c>
      <c r="E13" s="10">
        <v>22022</v>
      </c>
      <c r="F13" s="10">
        <v>18325</v>
      </c>
      <c r="G13" s="10">
        <v>25039</v>
      </c>
      <c r="H13" s="10">
        <v>27656</v>
      </c>
      <c r="I13" s="10">
        <v>33383</v>
      </c>
      <c r="J13" s="10">
        <v>33911</v>
      </c>
      <c r="K13" s="10">
        <v>33431</v>
      </c>
      <c r="L13" s="10">
        <v>32219</v>
      </c>
      <c r="M13" s="10">
        <v>30917</v>
      </c>
      <c r="N13" s="10">
        <v>29353</v>
      </c>
      <c r="O13" s="10">
        <v>27652</v>
      </c>
      <c r="P13" s="10">
        <v>26356</v>
      </c>
      <c r="Q13" s="10">
        <v>25460</v>
      </c>
    </row>
    <row r="14" spans="1:17" s="6" customFormat="1" ht="23.25" customHeight="1" x14ac:dyDescent="0.2">
      <c r="A14" s="9" t="s">
        <v>15</v>
      </c>
      <c r="B14" s="10">
        <v>21161</v>
      </c>
      <c r="C14" s="10">
        <v>21586</v>
      </c>
      <c r="D14" s="10">
        <v>24768</v>
      </c>
      <c r="E14" s="10">
        <v>29037</v>
      </c>
      <c r="F14" s="10">
        <v>21816</v>
      </c>
      <c r="G14" s="10">
        <v>23964</v>
      </c>
      <c r="H14" s="10">
        <v>24998</v>
      </c>
      <c r="I14" s="10">
        <v>27411</v>
      </c>
      <c r="J14" s="10">
        <v>28039</v>
      </c>
      <c r="K14" s="10">
        <v>30245</v>
      </c>
      <c r="L14" s="10">
        <v>31517</v>
      </c>
      <c r="M14" s="10">
        <v>32730</v>
      </c>
      <c r="N14" s="10">
        <v>33443</v>
      </c>
      <c r="O14" s="10">
        <v>33905</v>
      </c>
      <c r="P14" s="10">
        <v>33346</v>
      </c>
      <c r="Q14" s="10">
        <v>32214</v>
      </c>
    </row>
    <row r="15" spans="1:17" s="6" customFormat="1" ht="23.25" customHeight="1" x14ac:dyDescent="0.2">
      <c r="A15" s="9" t="s">
        <v>16</v>
      </c>
      <c r="B15" s="10">
        <v>19061</v>
      </c>
      <c r="C15" s="10">
        <v>20715</v>
      </c>
      <c r="D15" s="10">
        <v>21133</v>
      </c>
      <c r="E15" s="10">
        <v>24292</v>
      </c>
      <c r="F15" s="10">
        <v>28414</v>
      </c>
      <c r="G15" s="10">
        <v>28472</v>
      </c>
      <c r="H15" s="10">
        <v>23805</v>
      </c>
      <c r="I15" s="10">
        <v>24550</v>
      </c>
      <c r="J15" s="10">
        <v>25089</v>
      </c>
      <c r="K15" s="10">
        <v>24632</v>
      </c>
      <c r="L15" s="10">
        <v>25756</v>
      </c>
      <c r="M15" s="10">
        <v>26392</v>
      </c>
      <c r="N15" s="10">
        <v>27358</v>
      </c>
      <c r="O15" s="10">
        <v>28049</v>
      </c>
      <c r="P15" s="10">
        <v>30218</v>
      </c>
      <c r="Q15" s="10">
        <v>31364</v>
      </c>
    </row>
    <row r="16" spans="1:17" s="6" customFormat="1" ht="23.25" customHeight="1" x14ac:dyDescent="0.2">
      <c r="A16" s="9" t="s">
        <v>17</v>
      </c>
      <c r="B16" s="10">
        <v>15263</v>
      </c>
      <c r="C16" s="10">
        <v>18684</v>
      </c>
      <c r="D16" s="10">
        <v>20224</v>
      </c>
      <c r="E16" s="10">
        <v>20640</v>
      </c>
      <c r="F16" s="10">
        <v>23706</v>
      </c>
      <c r="G16" s="10">
        <v>35842</v>
      </c>
      <c r="H16" s="10">
        <v>28105</v>
      </c>
      <c r="I16" s="10">
        <v>24268</v>
      </c>
      <c r="J16" s="10">
        <v>23761</v>
      </c>
      <c r="K16" s="10">
        <v>23805</v>
      </c>
      <c r="L16" s="10">
        <v>23783</v>
      </c>
      <c r="M16" s="10">
        <v>24171</v>
      </c>
      <c r="N16" s="10">
        <v>24386</v>
      </c>
      <c r="O16" s="10">
        <v>24968</v>
      </c>
      <c r="P16" s="10">
        <v>24455</v>
      </c>
      <c r="Q16" s="10">
        <v>25511</v>
      </c>
    </row>
    <row r="17" spans="1:17" s="6" customFormat="1" ht="23.25" customHeight="1" x14ac:dyDescent="0.2">
      <c r="A17" s="9" t="s">
        <v>18</v>
      </c>
      <c r="B17" s="10">
        <v>12687</v>
      </c>
      <c r="C17" s="10">
        <v>14761</v>
      </c>
      <c r="D17" s="10">
        <v>18084</v>
      </c>
      <c r="E17" s="10">
        <v>19539</v>
      </c>
      <c r="F17" s="10">
        <v>20004</v>
      </c>
      <c r="G17" s="10">
        <v>29124</v>
      </c>
      <c r="H17" s="10">
        <v>35112</v>
      </c>
      <c r="I17" s="10">
        <v>29326</v>
      </c>
      <c r="J17" s="10">
        <v>27722</v>
      </c>
      <c r="K17" s="10">
        <v>26479</v>
      </c>
      <c r="L17" s="10">
        <v>25287</v>
      </c>
      <c r="M17" s="10">
        <v>24247</v>
      </c>
      <c r="N17" s="10">
        <v>23948</v>
      </c>
      <c r="O17" s="10">
        <v>23462</v>
      </c>
      <c r="P17" s="10">
        <v>23422</v>
      </c>
      <c r="Q17" s="10">
        <v>23383</v>
      </c>
    </row>
    <row r="18" spans="1:17" s="6" customFormat="1" ht="23.25" customHeight="1" x14ac:dyDescent="0.2">
      <c r="A18" s="11" t="s">
        <v>19</v>
      </c>
      <c r="B18" s="12">
        <v>11656</v>
      </c>
      <c r="C18" s="12">
        <v>11976</v>
      </c>
      <c r="D18" s="12">
        <v>14033</v>
      </c>
      <c r="E18" s="12">
        <v>17079</v>
      </c>
      <c r="F18" s="12">
        <v>18617</v>
      </c>
      <c r="G18" s="12">
        <v>24517</v>
      </c>
      <c r="H18" s="12">
        <v>28193</v>
      </c>
      <c r="I18" s="12">
        <v>32149</v>
      </c>
      <c r="J18" s="12">
        <v>34190</v>
      </c>
      <c r="K18" s="12">
        <v>35725</v>
      </c>
      <c r="L18" s="12">
        <v>32993</v>
      </c>
      <c r="M18" s="12">
        <v>30869</v>
      </c>
      <c r="N18" s="12">
        <v>28410</v>
      </c>
      <c r="O18" s="12">
        <v>26851</v>
      </c>
      <c r="P18" s="12">
        <v>25664</v>
      </c>
      <c r="Q18" s="12">
        <v>24558</v>
      </c>
    </row>
    <row r="19" spans="1:17" s="6" customFormat="1" ht="23.25" customHeight="1" x14ac:dyDescent="0.2">
      <c r="A19" s="11" t="s">
        <v>20</v>
      </c>
      <c r="B19" s="12">
        <v>8651</v>
      </c>
      <c r="C19" s="12">
        <v>10541</v>
      </c>
      <c r="D19" s="12">
        <v>10911</v>
      </c>
      <c r="E19" s="12">
        <v>12952</v>
      </c>
      <c r="F19" s="12">
        <v>15803</v>
      </c>
      <c r="G19" s="12">
        <v>22719</v>
      </c>
      <c r="H19" s="12">
        <v>23091</v>
      </c>
      <c r="I19" s="12">
        <v>27339</v>
      </c>
      <c r="J19" s="12">
        <v>26797</v>
      </c>
      <c r="K19" s="12">
        <v>25410</v>
      </c>
      <c r="L19" s="12">
        <v>27402</v>
      </c>
      <c r="M19" s="12">
        <v>29293</v>
      </c>
      <c r="N19" s="12">
        <v>30602</v>
      </c>
      <c r="O19" s="12">
        <v>32535</v>
      </c>
      <c r="P19" s="12">
        <v>33918</v>
      </c>
      <c r="Q19" s="12">
        <v>31343</v>
      </c>
    </row>
    <row r="20" spans="1:17" s="6" customFormat="1" ht="23.25" customHeight="1" x14ac:dyDescent="0.2">
      <c r="A20" s="11" t="s">
        <v>21</v>
      </c>
      <c r="B20" s="12">
        <v>5549</v>
      </c>
      <c r="C20" s="12">
        <v>7080</v>
      </c>
      <c r="D20" s="12">
        <v>8909</v>
      </c>
      <c r="E20" s="12">
        <v>9461</v>
      </c>
      <c r="F20" s="12">
        <v>11425</v>
      </c>
      <c r="G20" s="12">
        <v>18621</v>
      </c>
      <c r="H20" s="12">
        <v>20502</v>
      </c>
      <c r="I20" s="12">
        <v>20462</v>
      </c>
      <c r="J20" s="12">
        <v>20984</v>
      </c>
      <c r="K20" s="12">
        <v>21340</v>
      </c>
      <c r="L20" s="12">
        <v>22613</v>
      </c>
      <c r="M20" s="12">
        <v>23587</v>
      </c>
      <c r="N20" s="12">
        <v>25179</v>
      </c>
      <c r="O20" s="12">
        <v>24713</v>
      </c>
      <c r="P20" s="12">
        <v>23336</v>
      </c>
      <c r="Q20" s="12">
        <v>25142</v>
      </c>
    </row>
    <row r="21" spans="1:17" s="6" customFormat="1" ht="23.25" customHeight="1" x14ac:dyDescent="0.2">
      <c r="A21" s="11" t="s">
        <v>22</v>
      </c>
      <c r="B21" s="12">
        <v>2568</v>
      </c>
      <c r="C21" s="12">
        <v>3822</v>
      </c>
      <c r="D21" s="12">
        <v>5332</v>
      </c>
      <c r="E21" s="12">
        <v>6810</v>
      </c>
      <c r="F21" s="12">
        <v>7451</v>
      </c>
      <c r="G21" s="12">
        <v>12319</v>
      </c>
      <c r="H21" s="12">
        <v>15452</v>
      </c>
      <c r="I21" s="12">
        <v>17120</v>
      </c>
      <c r="J21" s="12">
        <v>17243</v>
      </c>
      <c r="K21" s="12">
        <v>17766</v>
      </c>
      <c r="L21" s="12">
        <v>17941</v>
      </c>
      <c r="M21" s="12">
        <v>17759</v>
      </c>
      <c r="N21" s="12">
        <v>17380</v>
      </c>
      <c r="O21" s="12">
        <v>17959</v>
      </c>
      <c r="P21" s="12">
        <v>18380</v>
      </c>
      <c r="Q21" s="12">
        <v>19426</v>
      </c>
    </row>
    <row r="22" spans="1:17" s="6" customFormat="1" ht="23.25" customHeight="1" x14ac:dyDescent="0.2">
      <c r="A22" s="11" t="s">
        <v>23</v>
      </c>
      <c r="B22" s="12">
        <v>888</v>
      </c>
      <c r="C22" s="12">
        <v>1360</v>
      </c>
      <c r="D22" s="12">
        <v>2252</v>
      </c>
      <c r="E22" s="12">
        <v>3344</v>
      </c>
      <c r="F22" s="12">
        <v>4543</v>
      </c>
      <c r="G22" s="12">
        <v>6840</v>
      </c>
      <c r="H22" s="12">
        <v>8857</v>
      </c>
      <c r="I22" s="12">
        <v>10951</v>
      </c>
      <c r="J22" s="12">
        <v>11119</v>
      </c>
      <c r="K22" s="12">
        <v>11460</v>
      </c>
      <c r="L22" s="12">
        <v>11831</v>
      </c>
      <c r="M22" s="12">
        <v>12323</v>
      </c>
      <c r="N22" s="12">
        <v>12612</v>
      </c>
      <c r="O22" s="12">
        <v>12764</v>
      </c>
      <c r="P22" s="12">
        <v>13315</v>
      </c>
      <c r="Q22" s="12">
        <v>13487</v>
      </c>
    </row>
    <row r="23" spans="1:17" s="6" customFormat="1" ht="23.25" customHeight="1" x14ac:dyDescent="0.2">
      <c r="A23" s="11" t="s">
        <v>24</v>
      </c>
      <c r="B23" s="12">
        <v>204</v>
      </c>
      <c r="C23" s="12">
        <v>353</v>
      </c>
      <c r="D23" s="12">
        <v>558</v>
      </c>
      <c r="E23" s="12">
        <v>1046</v>
      </c>
      <c r="F23" s="12">
        <v>1652</v>
      </c>
      <c r="G23" s="12">
        <v>3283</v>
      </c>
      <c r="H23" s="12">
        <v>3773</v>
      </c>
      <c r="I23" s="12">
        <v>4773</v>
      </c>
      <c r="J23" s="12">
        <v>5083</v>
      </c>
      <c r="K23" s="12">
        <v>5439</v>
      </c>
      <c r="L23" s="12">
        <v>5584</v>
      </c>
      <c r="M23" s="12">
        <v>5860</v>
      </c>
      <c r="N23" s="12">
        <v>6201</v>
      </c>
      <c r="O23" s="12">
        <v>6390</v>
      </c>
      <c r="P23" s="12">
        <v>6628</v>
      </c>
      <c r="Q23" s="12">
        <v>6864</v>
      </c>
    </row>
    <row r="24" spans="1:17" s="6" customFormat="1" ht="23.25" customHeight="1" x14ac:dyDescent="0.2">
      <c r="A24" s="11" t="s">
        <v>25</v>
      </c>
      <c r="B24" s="12">
        <v>38</v>
      </c>
      <c r="C24" s="12">
        <v>36</v>
      </c>
      <c r="D24" s="12">
        <v>80</v>
      </c>
      <c r="E24" s="12">
        <v>166</v>
      </c>
      <c r="F24" s="12">
        <v>341</v>
      </c>
      <c r="G24" s="12">
        <v>845</v>
      </c>
      <c r="H24" s="12">
        <v>1180</v>
      </c>
      <c r="I24" s="12">
        <v>1255</v>
      </c>
      <c r="J24" s="12">
        <v>1397</v>
      </c>
      <c r="K24" s="12">
        <v>1534</v>
      </c>
      <c r="L24" s="12">
        <v>1629</v>
      </c>
      <c r="M24" s="12">
        <v>1687</v>
      </c>
      <c r="N24" s="12">
        <v>1814</v>
      </c>
      <c r="O24" s="12">
        <v>1951</v>
      </c>
      <c r="P24" s="12">
        <v>2096</v>
      </c>
      <c r="Q24" s="12">
        <v>2137</v>
      </c>
    </row>
    <row r="25" spans="1:17" s="6" customFormat="1" ht="23.25" customHeight="1" x14ac:dyDescent="0.2">
      <c r="A25" s="11" t="s">
        <v>26</v>
      </c>
      <c r="B25" s="12">
        <v>3</v>
      </c>
      <c r="C25" s="12">
        <v>6</v>
      </c>
      <c r="D25" s="12">
        <v>6</v>
      </c>
      <c r="E25" s="12">
        <v>11</v>
      </c>
      <c r="F25" s="12">
        <v>30</v>
      </c>
      <c r="G25" s="12">
        <v>94</v>
      </c>
      <c r="H25" s="12">
        <v>182</v>
      </c>
      <c r="I25" s="12">
        <v>222</v>
      </c>
      <c r="J25" s="12">
        <v>232</v>
      </c>
      <c r="K25" s="12">
        <v>242</v>
      </c>
      <c r="L25" s="12">
        <v>234</v>
      </c>
      <c r="M25" s="12">
        <v>229</v>
      </c>
      <c r="N25" s="12">
        <v>265</v>
      </c>
      <c r="O25" s="12">
        <v>293</v>
      </c>
      <c r="P25" s="12">
        <v>291</v>
      </c>
      <c r="Q25" s="12">
        <v>353</v>
      </c>
    </row>
    <row r="26" spans="1:17" s="6" customFormat="1" ht="23.25" customHeight="1" x14ac:dyDescent="0.2">
      <c r="A26" s="13" t="s">
        <v>27</v>
      </c>
      <c r="B26" s="14">
        <v>303930</v>
      </c>
      <c r="C26" s="14">
        <v>312666</v>
      </c>
      <c r="D26" s="14">
        <v>318867</v>
      </c>
      <c r="E26" s="14">
        <v>322278</v>
      </c>
      <c r="F26" s="14">
        <v>322676</v>
      </c>
      <c r="G26" s="14">
        <v>418563</v>
      </c>
      <c r="H26" s="14">
        <v>417714</v>
      </c>
      <c r="I26" s="14">
        <v>419907</v>
      </c>
      <c r="J26" s="14">
        <v>418957</v>
      </c>
      <c r="K26" s="14">
        <v>418495</v>
      </c>
      <c r="L26" s="14">
        <v>417922</v>
      </c>
      <c r="M26" s="14">
        <v>417625</v>
      </c>
      <c r="N26" s="14">
        <v>416175</v>
      </c>
      <c r="O26" s="14">
        <v>414354</v>
      </c>
      <c r="P26" s="14">
        <v>411956</v>
      </c>
      <c r="Q26" s="14">
        <v>409580</v>
      </c>
    </row>
    <row r="27" spans="1:17" s="6" customFormat="1" ht="23.25" customHeight="1" x14ac:dyDescent="0.2">
      <c r="A27" s="15"/>
      <c r="B27" s="16"/>
      <c r="C27" s="16"/>
      <c r="D27" s="16"/>
      <c r="E27" s="16"/>
      <c r="F27" s="16"/>
      <c r="G27" s="16"/>
      <c r="H27" s="16"/>
      <c r="I27" s="16"/>
      <c r="J27" s="16"/>
      <c r="K27" s="16"/>
      <c r="L27" s="16"/>
      <c r="M27" s="16"/>
      <c r="N27" s="16"/>
      <c r="O27" s="16"/>
      <c r="P27" s="16"/>
      <c r="Q27" s="16"/>
    </row>
    <row r="28" spans="1:17" s="6" customFormat="1" ht="23.25" customHeight="1" x14ac:dyDescent="0.2">
      <c r="A28" s="15"/>
      <c r="B28" s="16"/>
      <c r="C28" s="16"/>
      <c r="D28" s="16"/>
      <c r="E28" s="16"/>
      <c r="F28" s="16"/>
      <c r="G28" s="16"/>
      <c r="H28" s="16"/>
      <c r="I28" s="16"/>
      <c r="J28" s="16"/>
      <c r="K28" s="16"/>
      <c r="L28" s="16"/>
      <c r="M28" s="16"/>
      <c r="N28" s="16"/>
      <c r="O28" s="16"/>
      <c r="P28" s="16"/>
      <c r="Q28" s="16"/>
    </row>
    <row r="29" spans="1:17" s="4" customFormat="1" ht="23.25" customHeight="1" x14ac:dyDescent="0.2">
      <c r="A29" s="3" t="s">
        <v>28</v>
      </c>
      <c r="B29" s="17"/>
      <c r="C29" s="17"/>
      <c r="D29" s="17"/>
      <c r="E29" s="17"/>
      <c r="F29" s="17"/>
      <c r="G29" s="17"/>
      <c r="H29" s="17"/>
      <c r="I29" s="17"/>
      <c r="J29" s="17"/>
      <c r="K29" s="17"/>
      <c r="L29" s="17"/>
      <c r="M29" s="17"/>
      <c r="N29" s="17"/>
      <c r="O29" s="17"/>
      <c r="P29" s="17"/>
      <c r="Q29" s="17"/>
    </row>
    <row r="30" spans="1:17" s="6" customFormat="1" ht="23.25" customHeight="1" x14ac:dyDescent="0.2">
      <c r="A30" s="5" t="s">
        <v>2</v>
      </c>
      <c r="B30" s="5" t="s">
        <v>29</v>
      </c>
      <c r="C30" s="5">
        <v>60</v>
      </c>
      <c r="D30" s="5" t="s">
        <v>4</v>
      </c>
      <c r="E30" s="5">
        <v>7</v>
      </c>
      <c r="F30" s="5">
        <v>12</v>
      </c>
      <c r="G30" s="5">
        <v>17</v>
      </c>
      <c r="H30" s="5">
        <v>22</v>
      </c>
      <c r="I30" s="5">
        <v>26</v>
      </c>
      <c r="J30" s="5">
        <v>27</v>
      </c>
      <c r="K30" s="5">
        <v>28</v>
      </c>
      <c r="L30" s="5">
        <v>29</v>
      </c>
      <c r="M30" s="5">
        <v>30</v>
      </c>
      <c r="N30" s="5" t="s">
        <v>5</v>
      </c>
      <c r="O30" s="5">
        <v>2</v>
      </c>
      <c r="P30" s="5">
        <v>3</v>
      </c>
      <c r="Q30" s="5">
        <v>4</v>
      </c>
    </row>
    <row r="31" spans="1:17" s="6" customFormat="1" ht="23.25" customHeight="1" x14ac:dyDescent="0.2">
      <c r="A31" s="7" t="s">
        <v>30</v>
      </c>
      <c r="B31" s="18">
        <v>71088</v>
      </c>
      <c r="C31" s="18">
        <v>66361</v>
      </c>
      <c r="D31" s="18">
        <v>55576</v>
      </c>
      <c r="E31" s="18">
        <v>48759</v>
      </c>
      <c r="F31" s="18">
        <v>45034</v>
      </c>
      <c r="G31" s="18">
        <v>57807</v>
      </c>
      <c r="H31" s="18">
        <v>56390</v>
      </c>
      <c r="I31" s="18">
        <v>54217</v>
      </c>
      <c r="J31" s="18">
        <v>53503</v>
      </c>
      <c r="K31" s="18">
        <v>52716</v>
      </c>
      <c r="L31" s="18">
        <v>51813</v>
      </c>
      <c r="M31" s="18">
        <v>50970</v>
      </c>
      <c r="N31" s="18">
        <v>50110</v>
      </c>
      <c r="O31" s="18">
        <v>49249</v>
      </c>
      <c r="P31" s="18">
        <v>48294</v>
      </c>
      <c r="Q31" s="18">
        <v>47316</v>
      </c>
    </row>
    <row r="32" spans="1:17" s="6" customFormat="1" ht="23.25" customHeight="1" x14ac:dyDescent="0.2">
      <c r="A32" s="9" t="s">
        <v>31</v>
      </c>
      <c r="B32" s="19">
        <v>203285</v>
      </c>
      <c r="C32" s="19">
        <v>211131</v>
      </c>
      <c r="D32" s="19">
        <v>221210</v>
      </c>
      <c r="E32" s="19">
        <v>222650</v>
      </c>
      <c r="F32" s="19">
        <v>217780</v>
      </c>
      <c r="G32" s="19">
        <v>271518</v>
      </c>
      <c r="H32" s="19">
        <v>260094</v>
      </c>
      <c r="I32" s="19">
        <v>251419</v>
      </c>
      <c r="J32" s="19">
        <v>248409</v>
      </c>
      <c r="K32" s="19">
        <v>246863</v>
      </c>
      <c r="L32" s="19">
        <v>245882</v>
      </c>
      <c r="M32" s="19">
        <v>245048</v>
      </c>
      <c r="N32" s="19">
        <v>243602</v>
      </c>
      <c r="O32" s="19">
        <v>241649</v>
      </c>
      <c r="P32" s="19">
        <v>240034</v>
      </c>
      <c r="Q32" s="19">
        <v>238954</v>
      </c>
    </row>
    <row r="33" spans="1:18" s="6" customFormat="1" ht="23.25" customHeight="1" x14ac:dyDescent="0.2">
      <c r="A33" s="11" t="s">
        <v>32</v>
      </c>
      <c r="B33" s="20">
        <v>29557</v>
      </c>
      <c r="C33" s="20">
        <v>35174</v>
      </c>
      <c r="D33" s="20">
        <v>42081</v>
      </c>
      <c r="E33" s="20">
        <v>50869</v>
      </c>
      <c r="F33" s="20">
        <v>59862</v>
      </c>
      <c r="G33" s="20">
        <v>89238</v>
      </c>
      <c r="H33" s="20">
        <v>101230</v>
      </c>
      <c r="I33" s="20">
        <v>114271</v>
      </c>
      <c r="J33" s="20">
        <v>117045</v>
      </c>
      <c r="K33" s="20">
        <v>118916</v>
      </c>
      <c r="L33" s="20">
        <v>120227</v>
      </c>
      <c r="M33" s="20">
        <v>121607</v>
      </c>
      <c r="N33" s="20">
        <v>122463</v>
      </c>
      <c r="O33" s="20">
        <v>123456</v>
      </c>
      <c r="P33" s="20">
        <v>123628</v>
      </c>
      <c r="Q33" s="20">
        <v>123310</v>
      </c>
    </row>
    <row r="34" spans="1:18" s="6" customFormat="1" ht="23.25" customHeight="1" x14ac:dyDescent="0.2">
      <c r="A34" s="13" t="s">
        <v>33</v>
      </c>
      <c r="B34" s="21">
        <v>303930</v>
      </c>
      <c r="C34" s="21">
        <v>312666</v>
      </c>
      <c r="D34" s="21">
        <v>318867</v>
      </c>
      <c r="E34" s="21">
        <v>322278</v>
      </c>
      <c r="F34" s="21">
        <v>322676</v>
      </c>
      <c r="G34" s="21">
        <v>418563</v>
      </c>
      <c r="H34" s="21">
        <v>417714</v>
      </c>
      <c r="I34" s="21">
        <v>419907</v>
      </c>
      <c r="J34" s="21">
        <v>418957</v>
      </c>
      <c r="K34" s="21">
        <v>418495</v>
      </c>
      <c r="L34" s="21">
        <v>417922</v>
      </c>
      <c r="M34" s="21">
        <v>417625</v>
      </c>
      <c r="N34" s="21">
        <v>416175</v>
      </c>
      <c r="O34" s="21">
        <v>414354</v>
      </c>
      <c r="P34" s="21">
        <v>411956</v>
      </c>
      <c r="Q34" s="21">
        <v>409580</v>
      </c>
    </row>
    <row r="35" spans="1:18" s="6" customFormat="1" ht="23.25" customHeight="1" x14ac:dyDescent="0.2">
      <c r="A35" s="22"/>
      <c r="B35" s="23"/>
      <c r="C35" s="23"/>
      <c r="D35" s="23"/>
      <c r="E35" s="23"/>
      <c r="F35" s="23"/>
      <c r="G35" s="23"/>
      <c r="H35" s="23"/>
      <c r="I35" s="23"/>
      <c r="J35" s="23"/>
      <c r="K35" s="23"/>
      <c r="L35" s="23"/>
      <c r="M35" s="23"/>
      <c r="N35" s="23"/>
      <c r="O35" s="23"/>
      <c r="P35" s="23"/>
      <c r="Q35" s="23"/>
    </row>
    <row r="36" spans="1:18" s="6" customFormat="1" ht="23.25" customHeight="1" x14ac:dyDescent="0.2">
      <c r="A36" s="24"/>
      <c r="B36" s="25"/>
      <c r="C36" s="25"/>
      <c r="D36" s="25"/>
      <c r="E36" s="25"/>
      <c r="F36" s="25"/>
      <c r="G36" s="25"/>
      <c r="H36" s="25"/>
      <c r="I36" s="25"/>
      <c r="J36" s="25"/>
      <c r="K36" s="25"/>
      <c r="L36" s="25"/>
      <c r="M36" s="25"/>
      <c r="N36" s="25"/>
      <c r="O36" s="25"/>
      <c r="P36" s="25"/>
      <c r="Q36" s="25"/>
    </row>
    <row r="37" spans="1:18" s="4" customFormat="1" ht="23.25" customHeight="1" x14ac:dyDescent="0.2">
      <c r="A37" s="26" t="s">
        <v>34</v>
      </c>
      <c r="B37" s="27"/>
      <c r="C37" s="27"/>
      <c r="D37" s="27"/>
      <c r="E37" s="27"/>
      <c r="F37" s="27"/>
      <c r="G37" s="27"/>
      <c r="H37" s="27"/>
      <c r="I37" s="27"/>
      <c r="J37" s="27"/>
      <c r="K37" s="27"/>
      <c r="L37" s="27"/>
      <c r="M37" s="27"/>
      <c r="N37" s="27"/>
      <c r="O37" s="27"/>
      <c r="P37" s="27"/>
      <c r="Q37" s="27"/>
    </row>
    <row r="38" spans="1:18" s="6" customFormat="1" ht="23.25" customHeight="1" x14ac:dyDescent="0.2">
      <c r="A38" s="13" t="s">
        <v>35</v>
      </c>
      <c r="B38" s="13" t="s">
        <v>36</v>
      </c>
      <c r="C38" s="5">
        <v>60</v>
      </c>
      <c r="D38" s="13" t="s">
        <v>37</v>
      </c>
      <c r="E38" s="5">
        <v>7</v>
      </c>
      <c r="F38" s="5">
        <v>12</v>
      </c>
      <c r="G38" s="5">
        <v>17</v>
      </c>
      <c r="H38" s="5">
        <v>22</v>
      </c>
      <c r="I38" s="5">
        <v>26</v>
      </c>
      <c r="J38" s="5">
        <v>27</v>
      </c>
      <c r="K38" s="5">
        <v>28</v>
      </c>
      <c r="L38" s="5">
        <v>29</v>
      </c>
      <c r="M38" s="5">
        <v>30</v>
      </c>
      <c r="N38" s="5" t="s">
        <v>38</v>
      </c>
      <c r="O38" s="5">
        <v>2</v>
      </c>
      <c r="P38" s="5">
        <v>3</v>
      </c>
      <c r="Q38" s="5">
        <v>4</v>
      </c>
    </row>
    <row r="39" spans="1:18" s="6" customFormat="1" ht="23.25" customHeight="1" x14ac:dyDescent="0.2">
      <c r="A39" s="7" t="s">
        <v>30</v>
      </c>
      <c r="B39" s="28">
        <v>23.4</v>
      </c>
      <c r="C39" s="28">
        <v>21.2</v>
      </c>
      <c r="D39" s="28">
        <v>17.399999999999999</v>
      </c>
      <c r="E39" s="28">
        <v>15.1</v>
      </c>
      <c r="F39" s="28">
        <v>14</v>
      </c>
      <c r="G39" s="28">
        <v>13.8</v>
      </c>
      <c r="H39" s="28">
        <v>13.5</v>
      </c>
      <c r="I39" s="28">
        <v>12.9</v>
      </c>
      <c r="J39" s="28">
        <v>12.8</v>
      </c>
      <c r="K39" s="28">
        <v>12.6</v>
      </c>
      <c r="L39" s="28">
        <v>12.4</v>
      </c>
      <c r="M39" s="28">
        <v>12.2</v>
      </c>
      <c r="N39" s="28">
        <v>12</v>
      </c>
      <c r="O39" s="28">
        <v>11.9</v>
      </c>
      <c r="P39" s="28">
        <v>11.7</v>
      </c>
      <c r="Q39" s="28">
        <v>11.6</v>
      </c>
    </row>
    <row r="40" spans="1:18" s="6" customFormat="1" ht="23.25" customHeight="1" x14ac:dyDescent="0.2">
      <c r="A40" s="9" t="s">
        <v>31</v>
      </c>
      <c r="B40" s="29">
        <v>66.900000000000006</v>
      </c>
      <c r="C40" s="29">
        <v>67.5</v>
      </c>
      <c r="D40" s="29">
        <v>69.400000000000006</v>
      </c>
      <c r="E40" s="29">
        <v>69.099999999999994</v>
      </c>
      <c r="F40" s="29">
        <v>67.5</v>
      </c>
      <c r="G40" s="29">
        <v>64.900000000000006</v>
      </c>
      <c r="H40" s="29">
        <v>62.3</v>
      </c>
      <c r="I40" s="29">
        <v>59.9</v>
      </c>
      <c r="J40" s="29">
        <v>59.3</v>
      </c>
      <c r="K40" s="29">
        <v>59</v>
      </c>
      <c r="L40" s="29">
        <v>58.8</v>
      </c>
      <c r="M40" s="29">
        <v>58.7</v>
      </c>
      <c r="N40" s="29">
        <v>58.5</v>
      </c>
      <c r="O40" s="29">
        <v>58.3</v>
      </c>
      <c r="P40" s="29">
        <v>58.3</v>
      </c>
      <c r="Q40" s="29">
        <v>58.3</v>
      </c>
    </row>
    <row r="41" spans="1:18" s="6" customFormat="1" ht="23.25" customHeight="1" x14ac:dyDescent="0.2">
      <c r="A41" s="11" t="s">
        <v>32</v>
      </c>
      <c r="B41" s="30">
        <v>9.6999999999999993</v>
      </c>
      <c r="C41" s="30">
        <v>11.2</v>
      </c>
      <c r="D41" s="30">
        <v>13.2</v>
      </c>
      <c r="E41" s="30">
        <v>15.8</v>
      </c>
      <c r="F41" s="30">
        <v>18.600000000000001</v>
      </c>
      <c r="G41" s="30">
        <v>21.3</v>
      </c>
      <c r="H41" s="30">
        <v>24.2</v>
      </c>
      <c r="I41" s="30">
        <v>27.2</v>
      </c>
      <c r="J41" s="30">
        <v>27.9</v>
      </c>
      <c r="K41" s="30">
        <v>28.4</v>
      </c>
      <c r="L41" s="30">
        <v>28.8</v>
      </c>
      <c r="M41" s="30">
        <v>29.1</v>
      </c>
      <c r="N41" s="30">
        <v>29.4</v>
      </c>
      <c r="O41" s="30">
        <v>29.8</v>
      </c>
      <c r="P41" s="30">
        <v>30</v>
      </c>
      <c r="Q41" s="30">
        <v>30.1</v>
      </c>
    </row>
    <row r="42" spans="1:18" s="6" customFormat="1" ht="23.25" customHeight="1" x14ac:dyDescent="0.2">
      <c r="A42" s="31" t="s">
        <v>39</v>
      </c>
      <c r="B42" s="32"/>
      <c r="C42" s="32"/>
      <c r="D42" s="32"/>
      <c r="E42" s="32"/>
      <c r="F42" s="32"/>
      <c r="G42" s="32"/>
      <c r="H42" s="32"/>
      <c r="I42" s="32"/>
      <c r="J42" s="32"/>
      <c r="K42" s="32"/>
      <c r="L42" s="32"/>
      <c r="N42" s="32"/>
    </row>
    <row r="43" spans="1:18" s="6" customFormat="1" ht="23.25" customHeight="1" x14ac:dyDescent="0.2">
      <c r="A43" s="15"/>
      <c r="B43" s="15"/>
      <c r="C43" s="15"/>
      <c r="D43" s="15"/>
      <c r="E43" s="15"/>
      <c r="F43" s="15"/>
      <c r="G43" s="33"/>
      <c r="H43" s="15"/>
      <c r="I43" s="15"/>
      <c r="J43" s="15"/>
      <c r="K43" s="15"/>
      <c r="L43" s="15"/>
      <c r="N43" s="15"/>
    </row>
    <row r="44" spans="1:18" s="6" customFormat="1" ht="23.25" customHeight="1" x14ac:dyDescent="0.2">
      <c r="A44" s="15"/>
      <c r="B44" s="15"/>
      <c r="C44" s="15"/>
      <c r="D44" s="15"/>
      <c r="E44" s="15"/>
      <c r="F44" s="15"/>
      <c r="G44" s="15"/>
      <c r="H44" s="15"/>
      <c r="I44" s="15"/>
      <c r="J44" s="15"/>
      <c r="K44" s="15"/>
      <c r="L44" s="15"/>
      <c r="N44" s="15"/>
    </row>
    <row r="45" spans="1:18" s="6" customFormat="1" ht="23.25" customHeight="1" x14ac:dyDescent="0.2">
      <c r="A45" s="15"/>
      <c r="B45" s="15"/>
      <c r="C45" s="15"/>
      <c r="D45" s="15"/>
      <c r="E45" s="15"/>
      <c r="F45" s="15"/>
      <c r="G45" s="15"/>
      <c r="H45" s="15"/>
      <c r="I45" s="15"/>
      <c r="J45" s="15"/>
      <c r="K45" s="15"/>
      <c r="L45" s="15"/>
      <c r="N45" s="15"/>
    </row>
    <row r="46" spans="1:18" s="6" customFormat="1" ht="23.25" customHeight="1" x14ac:dyDescent="0.2">
      <c r="A46" s="15"/>
      <c r="B46" s="15"/>
      <c r="C46" s="15"/>
      <c r="I46" s="15"/>
      <c r="J46" s="15"/>
      <c r="K46" s="15"/>
      <c r="L46" s="15"/>
      <c r="N46" s="15"/>
    </row>
    <row r="47" spans="1:18" s="6" customFormat="1" ht="23.25" customHeight="1" thickBot="1" x14ac:dyDescent="0.25">
      <c r="A47" s="15"/>
      <c r="B47" s="15"/>
      <c r="C47" s="15"/>
      <c r="I47" s="15"/>
      <c r="J47" s="15"/>
      <c r="K47" s="15"/>
      <c r="L47" s="15"/>
      <c r="N47" s="15"/>
    </row>
    <row r="48" spans="1:18" s="6" customFormat="1" ht="23.25" customHeight="1" thickTop="1" x14ac:dyDescent="0.2">
      <c r="A48" s="15"/>
      <c r="B48" s="15"/>
      <c r="C48" s="34" t="s">
        <v>40</v>
      </c>
      <c r="D48" s="35"/>
      <c r="E48" s="35"/>
      <c r="F48" s="35"/>
      <c r="G48" s="36"/>
      <c r="H48" s="3"/>
      <c r="I48" s="3"/>
      <c r="K48" s="34" t="s">
        <v>41</v>
      </c>
      <c r="L48" s="35"/>
      <c r="M48" s="35"/>
      <c r="N48" s="35"/>
      <c r="O48" s="35"/>
      <c r="P48" s="36"/>
      <c r="Q48"/>
      <c r="R48"/>
    </row>
    <row r="49" spans="1:16" s="6" customFormat="1" ht="23.25" customHeight="1" thickBot="1" x14ac:dyDescent="0.25">
      <c r="A49" s="15"/>
      <c r="B49" s="15"/>
      <c r="C49" s="37"/>
      <c r="D49" s="38"/>
      <c r="E49" s="38"/>
      <c r="F49" s="38"/>
      <c r="G49" s="39"/>
      <c r="H49" s="3"/>
      <c r="I49" s="3"/>
      <c r="J49" s="1"/>
      <c r="K49" s="37"/>
      <c r="L49" s="38"/>
      <c r="M49" s="38"/>
      <c r="N49" s="38"/>
      <c r="O49" s="38"/>
      <c r="P49" s="39"/>
    </row>
    <row r="50" spans="1:16" s="6" customFormat="1" ht="23.25" customHeight="1" thickTop="1" x14ac:dyDescent="0.2">
      <c r="A50" s="15"/>
      <c r="B50" s="15"/>
      <c r="C50" s="15"/>
      <c r="D50" s="40"/>
      <c r="E50" s="40"/>
      <c r="F50" s="40"/>
      <c r="G50" s="40"/>
      <c r="H50" s="40"/>
      <c r="I50" s="15"/>
      <c r="J50" s="15"/>
      <c r="K50" s="15"/>
      <c r="L50" s="15"/>
      <c r="N50" s="15"/>
    </row>
    <row r="51" spans="1:16" s="6" customFormat="1" ht="23.25" customHeight="1" x14ac:dyDescent="0.2">
      <c r="A51" s="15"/>
      <c r="B51" s="15"/>
      <c r="C51" s="15"/>
      <c r="D51" s="15"/>
      <c r="E51" s="15"/>
      <c r="F51" s="15"/>
      <c r="G51" s="15"/>
      <c r="H51" s="15"/>
      <c r="I51" s="15"/>
      <c r="J51" s="15"/>
      <c r="K51" s="15"/>
      <c r="L51" s="15"/>
      <c r="N51" s="15"/>
    </row>
    <row r="52" spans="1:16" s="6" customFormat="1" ht="23.25" customHeight="1" x14ac:dyDescent="0.2">
      <c r="A52" s="15"/>
      <c r="B52" s="15"/>
      <c r="C52" s="15"/>
      <c r="D52" s="15"/>
      <c r="E52" s="15"/>
      <c r="F52" s="15"/>
      <c r="G52" s="15"/>
      <c r="H52" s="15"/>
      <c r="I52" s="15"/>
      <c r="J52" s="15"/>
      <c r="K52" s="15"/>
      <c r="L52" s="15"/>
      <c r="N52" s="15"/>
    </row>
    <row r="53" spans="1:16" s="6" customFormat="1" ht="23.25" customHeight="1" x14ac:dyDescent="0.2">
      <c r="A53" s="15"/>
      <c r="B53" s="15"/>
      <c r="C53" s="15"/>
      <c r="D53" s="15"/>
      <c r="E53" s="15"/>
      <c r="F53" s="15"/>
      <c r="G53" s="15"/>
      <c r="H53" s="15"/>
      <c r="I53" s="15"/>
      <c r="J53" s="15"/>
      <c r="K53" s="15"/>
      <c r="L53" s="15"/>
      <c r="N53" s="15"/>
    </row>
    <row r="54" spans="1:16" s="6" customFormat="1" ht="23.25" customHeight="1" x14ac:dyDescent="0.2">
      <c r="A54" s="15"/>
      <c r="B54" s="15"/>
      <c r="C54" s="15"/>
      <c r="D54" s="15"/>
      <c r="E54" s="15"/>
      <c r="F54" s="15"/>
      <c r="G54" s="15"/>
      <c r="H54" s="15"/>
      <c r="I54" s="15"/>
      <c r="J54" s="15"/>
      <c r="K54" s="15"/>
      <c r="L54" s="15"/>
      <c r="N54" s="15"/>
    </row>
    <row r="55" spans="1:16" s="6" customFormat="1" ht="23.25" customHeight="1" x14ac:dyDescent="0.2">
      <c r="A55" s="15"/>
      <c r="B55" s="15"/>
      <c r="C55" s="15"/>
      <c r="D55" s="15"/>
      <c r="E55" s="15"/>
      <c r="F55" s="15"/>
      <c r="G55" s="15"/>
      <c r="H55" s="15"/>
      <c r="I55" s="15"/>
      <c r="J55" s="15"/>
      <c r="K55" s="15"/>
      <c r="L55" s="15"/>
      <c r="N55" s="15"/>
    </row>
    <row r="56" spans="1:16" s="6" customFormat="1" ht="23.25" customHeight="1" x14ac:dyDescent="0.2">
      <c r="A56" s="15"/>
      <c r="B56" s="15"/>
      <c r="C56" s="15"/>
      <c r="D56" s="15"/>
      <c r="E56" s="15"/>
      <c r="F56" s="15"/>
      <c r="G56" s="15"/>
      <c r="H56" s="15"/>
      <c r="I56" s="15"/>
      <c r="J56" s="15"/>
      <c r="K56" s="15"/>
      <c r="L56" s="15"/>
      <c r="N56" s="15"/>
    </row>
    <row r="57" spans="1:16" s="6" customFormat="1" ht="23.25" customHeight="1" x14ac:dyDescent="0.2">
      <c r="A57" s="15"/>
      <c r="B57" s="15"/>
      <c r="C57" s="15"/>
      <c r="D57" s="15"/>
      <c r="E57" s="15"/>
      <c r="F57" s="15"/>
      <c r="G57" s="15"/>
      <c r="H57" s="15"/>
      <c r="I57" s="15"/>
      <c r="J57" s="15"/>
      <c r="K57" s="15"/>
      <c r="L57" s="15"/>
      <c r="N57" s="15"/>
    </row>
    <row r="58" spans="1:16" s="6" customFormat="1" ht="23.25" customHeight="1" x14ac:dyDescent="0.2">
      <c r="A58" s="15"/>
      <c r="B58" s="15"/>
      <c r="C58" s="15"/>
      <c r="D58" s="15"/>
      <c r="E58" s="15"/>
      <c r="F58" s="15"/>
      <c r="G58" s="15"/>
      <c r="H58" s="15"/>
      <c r="I58" s="15"/>
      <c r="J58" s="15"/>
      <c r="K58" s="15"/>
      <c r="L58" s="15"/>
      <c r="N58" s="15"/>
    </row>
    <row r="59" spans="1:16" s="6" customFormat="1" ht="23.25" customHeight="1" x14ac:dyDescent="0.2">
      <c r="A59" s="15"/>
      <c r="B59" s="15"/>
      <c r="C59" s="15"/>
      <c r="D59" s="15"/>
      <c r="E59" s="15"/>
      <c r="F59" s="15"/>
      <c r="G59" s="15"/>
      <c r="H59" s="15"/>
      <c r="I59" s="15"/>
      <c r="J59" s="15"/>
      <c r="K59" s="15"/>
      <c r="L59" s="15"/>
      <c r="N59" s="15"/>
    </row>
    <row r="60" spans="1:16" s="6" customFormat="1" ht="23.25" customHeight="1" x14ac:dyDescent="0.2">
      <c r="A60" s="15"/>
      <c r="B60" s="15"/>
      <c r="C60" s="15"/>
      <c r="D60" s="15"/>
      <c r="E60" s="15"/>
      <c r="F60" s="15"/>
      <c r="G60" s="15"/>
      <c r="H60" s="15"/>
      <c r="I60" s="15"/>
      <c r="J60" s="15"/>
      <c r="K60" s="15"/>
      <c r="L60" s="15"/>
      <c r="N60" s="15"/>
    </row>
    <row r="61" spans="1:16" s="6" customFormat="1" ht="23.25" customHeight="1" x14ac:dyDescent="0.2">
      <c r="A61" s="15"/>
      <c r="B61" s="15"/>
      <c r="C61" s="15"/>
      <c r="D61" s="15"/>
      <c r="E61" s="15"/>
      <c r="F61" s="15"/>
      <c r="G61" s="15"/>
      <c r="H61" s="15"/>
      <c r="I61" s="15"/>
      <c r="J61" s="15"/>
      <c r="K61" s="15"/>
      <c r="L61" s="15"/>
      <c r="N61" s="15"/>
    </row>
    <row r="62" spans="1:16" s="6" customFormat="1" ht="23.25" customHeight="1" x14ac:dyDescent="0.2">
      <c r="A62" s="15"/>
      <c r="B62" s="15"/>
      <c r="C62" s="15"/>
      <c r="D62" s="15"/>
      <c r="E62" s="15"/>
      <c r="F62" s="15"/>
      <c r="G62" s="15"/>
      <c r="H62" s="15"/>
      <c r="I62" s="15"/>
      <c r="J62" s="15"/>
      <c r="K62" s="15"/>
      <c r="L62" s="15"/>
      <c r="N62" s="15"/>
    </row>
    <row r="63" spans="1:16" s="6" customFormat="1" ht="23.25" customHeight="1" x14ac:dyDescent="0.2">
      <c r="A63" s="15"/>
      <c r="B63" s="15"/>
      <c r="C63" s="15"/>
      <c r="D63" s="15"/>
      <c r="E63" s="15"/>
      <c r="F63" s="15"/>
      <c r="G63" s="15"/>
      <c r="H63" s="15"/>
      <c r="I63" s="15"/>
      <c r="J63" s="15"/>
      <c r="K63" s="15"/>
      <c r="L63" s="15"/>
      <c r="N63" s="15"/>
    </row>
    <row r="64" spans="1:16" s="6" customFormat="1" ht="23.25" customHeight="1" x14ac:dyDescent="0.2">
      <c r="A64" s="15"/>
      <c r="B64" s="15"/>
      <c r="C64" s="15"/>
      <c r="D64" s="15"/>
      <c r="E64" s="15"/>
      <c r="F64" s="15"/>
      <c r="G64" s="15"/>
      <c r="H64" s="15"/>
      <c r="I64" s="15"/>
      <c r="J64" s="15"/>
      <c r="K64" s="15"/>
      <c r="L64" s="15"/>
      <c r="N64" s="15"/>
    </row>
    <row r="65" spans="1:14" s="6" customFormat="1" ht="23.25" customHeight="1" x14ac:dyDescent="0.2">
      <c r="A65" s="15"/>
      <c r="B65" s="15"/>
      <c r="C65" s="15"/>
      <c r="D65" s="15"/>
      <c r="E65" s="15"/>
      <c r="F65" s="15"/>
      <c r="G65" s="15"/>
      <c r="H65" s="15"/>
      <c r="I65" s="15"/>
      <c r="J65" s="15"/>
      <c r="K65" s="15"/>
      <c r="L65" s="15"/>
      <c r="N65" s="15"/>
    </row>
    <row r="66" spans="1:14" s="6" customFormat="1" ht="23.25" customHeight="1" x14ac:dyDescent="0.2">
      <c r="A66" s="15"/>
      <c r="B66" s="15"/>
      <c r="C66" s="15"/>
      <c r="D66" s="15"/>
      <c r="E66" s="15"/>
      <c r="F66" s="15"/>
      <c r="G66" s="15"/>
      <c r="H66" s="15"/>
      <c r="I66" s="15"/>
      <c r="J66" s="15"/>
      <c r="K66" s="15"/>
      <c r="L66" s="15"/>
      <c r="N66" s="15"/>
    </row>
    <row r="67" spans="1:14" s="6" customFormat="1" ht="23.25" customHeight="1" x14ac:dyDescent="0.2">
      <c r="A67" s="15"/>
      <c r="B67" s="15"/>
      <c r="C67" s="15"/>
      <c r="D67" s="15"/>
      <c r="E67" s="15"/>
      <c r="F67" s="15"/>
      <c r="G67" s="15"/>
      <c r="H67" s="15"/>
      <c r="I67" s="15"/>
      <c r="J67" s="15"/>
      <c r="K67" s="15"/>
      <c r="L67" s="15"/>
      <c r="N67" s="15"/>
    </row>
    <row r="68" spans="1:14" s="6" customFormat="1" ht="23.25" customHeight="1" x14ac:dyDescent="0.2">
      <c r="A68" s="15"/>
      <c r="B68" s="15"/>
      <c r="C68" s="15"/>
      <c r="D68" s="15"/>
      <c r="E68" s="15"/>
      <c r="F68" s="15"/>
      <c r="G68" s="15"/>
      <c r="H68" s="15"/>
      <c r="I68" s="15"/>
      <c r="J68" s="15"/>
      <c r="K68" s="15"/>
      <c r="L68" s="15"/>
      <c r="N68" s="15"/>
    </row>
    <row r="69" spans="1:14" s="6" customFormat="1" ht="23.25" customHeight="1" x14ac:dyDescent="0.2">
      <c r="A69" s="15"/>
      <c r="B69" s="15"/>
      <c r="C69" s="15"/>
      <c r="D69" s="15"/>
      <c r="E69" s="15"/>
      <c r="F69" s="15"/>
      <c r="G69" s="15"/>
      <c r="H69" s="15"/>
      <c r="I69" s="15"/>
      <c r="J69" s="15"/>
      <c r="K69" s="15"/>
      <c r="L69" s="15"/>
      <c r="N69" s="15"/>
    </row>
    <row r="70" spans="1:14" s="6" customFormat="1" ht="23.25" customHeight="1" x14ac:dyDescent="0.2">
      <c r="A70" s="15"/>
      <c r="B70" s="15"/>
      <c r="C70" s="15"/>
      <c r="D70" s="15"/>
      <c r="E70" s="15"/>
      <c r="F70" s="15"/>
      <c r="G70" s="15"/>
      <c r="H70" s="15"/>
      <c r="I70" s="15"/>
      <c r="J70" s="15"/>
      <c r="K70" s="15"/>
      <c r="L70" s="15"/>
      <c r="N70" s="15"/>
    </row>
    <row r="71" spans="1:14" s="6" customFormat="1" ht="23.25" customHeight="1" x14ac:dyDescent="0.2">
      <c r="A71" s="15"/>
      <c r="B71" s="15"/>
      <c r="C71" s="15"/>
      <c r="D71" s="15"/>
      <c r="E71" s="15"/>
      <c r="F71" s="15"/>
      <c r="G71" s="15"/>
      <c r="H71" s="15"/>
      <c r="I71" s="15"/>
      <c r="J71" s="15"/>
      <c r="K71" s="15"/>
      <c r="L71" s="15"/>
      <c r="N71" s="15"/>
    </row>
    <row r="72" spans="1:14" s="6" customFormat="1" ht="23.25" customHeight="1" x14ac:dyDescent="0.2">
      <c r="A72" s="15"/>
      <c r="B72" s="15"/>
      <c r="C72" s="15"/>
      <c r="D72" s="15"/>
      <c r="E72" s="15"/>
      <c r="F72" s="15"/>
      <c r="G72" s="15"/>
      <c r="H72" s="15"/>
      <c r="I72" s="15"/>
      <c r="J72" s="15"/>
      <c r="K72" s="15"/>
      <c r="L72" s="15"/>
      <c r="N72" s="15"/>
    </row>
    <row r="73" spans="1:14" s="6" customFormat="1" ht="23.25" customHeight="1" x14ac:dyDescent="0.2">
      <c r="A73" s="15"/>
      <c r="B73" s="15"/>
      <c r="C73" s="15"/>
      <c r="D73" s="15"/>
      <c r="E73" s="15"/>
      <c r="F73" s="15"/>
      <c r="G73" s="15"/>
      <c r="H73" s="15"/>
      <c r="I73" s="15"/>
      <c r="J73" s="15"/>
      <c r="K73" s="15"/>
      <c r="L73" s="15"/>
      <c r="N73" s="15"/>
    </row>
    <row r="74" spans="1:14" s="6" customFormat="1" ht="23.25" customHeight="1" x14ac:dyDescent="0.2">
      <c r="A74" s="15"/>
      <c r="B74" s="15"/>
      <c r="C74" s="15"/>
      <c r="D74" s="15"/>
      <c r="E74" s="15"/>
      <c r="F74" s="15"/>
      <c r="G74" s="15"/>
      <c r="H74" s="15"/>
      <c r="I74" s="15"/>
      <c r="J74" s="15"/>
      <c r="K74" s="15"/>
      <c r="L74" s="15"/>
      <c r="N74" s="15"/>
    </row>
    <row r="75" spans="1:14" s="6" customFormat="1" ht="23.25" customHeight="1" x14ac:dyDescent="0.2">
      <c r="A75" s="15"/>
      <c r="B75" s="15"/>
      <c r="C75" s="15"/>
      <c r="D75" s="15"/>
      <c r="E75" s="15"/>
      <c r="F75" s="15"/>
      <c r="G75" s="15"/>
      <c r="H75" s="15"/>
      <c r="I75" s="15"/>
      <c r="J75" s="15"/>
      <c r="K75" s="15"/>
      <c r="L75" s="15"/>
      <c r="N75" s="15"/>
    </row>
    <row r="76" spans="1:14" s="6" customFormat="1" ht="23.25" customHeight="1" x14ac:dyDescent="0.2">
      <c r="A76" s="15"/>
      <c r="B76" s="15"/>
      <c r="C76" s="15"/>
      <c r="D76" s="15"/>
      <c r="E76" s="15"/>
      <c r="F76" s="15"/>
      <c r="G76" s="15"/>
      <c r="H76" s="15"/>
      <c r="I76" s="15"/>
      <c r="J76" s="15"/>
      <c r="K76" s="15"/>
      <c r="L76" s="15"/>
      <c r="N76" s="15"/>
    </row>
    <row r="77" spans="1:14" s="6" customFormat="1" ht="23.25" customHeight="1" x14ac:dyDescent="0.2">
      <c r="A77" s="15"/>
      <c r="B77" s="15"/>
      <c r="C77" s="15"/>
      <c r="D77" s="15"/>
      <c r="E77" s="15"/>
      <c r="F77" s="15"/>
      <c r="G77" s="15"/>
      <c r="H77" s="15"/>
      <c r="I77" s="15"/>
      <c r="J77" s="15"/>
      <c r="K77" s="15"/>
      <c r="L77" s="15"/>
      <c r="N77" s="15"/>
    </row>
    <row r="78" spans="1:14" s="6" customFormat="1" ht="23.25" customHeight="1" x14ac:dyDescent="0.2">
      <c r="A78" s="15"/>
      <c r="B78" s="15"/>
      <c r="C78" s="15"/>
      <c r="D78" s="15"/>
      <c r="E78" s="15"/>
      <c r="F78" s="15"/>
      <c r="G78" s="15"/>
      <c r="H78" s="15"/>
      <c r="I78" s="15"/>
      <c r="J78" s="15"/>
      <c r="K78" s="15"/>
      <c r="L78" s="15"/>
      <c r="N78" s="15"/>
    </row>
    <row r="79" spans="1:14" s="6" customFormat="1" ht="23.25" customHeight="1" x14ac:dyDescent="0.2">
      <c r="A79" s="15"/>
      <c r="B79" s="15"/>
      <c r="C79" s="15"/>
      <c r="D79" s="15"/>
      <c r="E79" s="15"/>
      <c r="F79" s="15"/>
      <c r="G79" s="15"/>
      <c r="H79" s="15"/>
      <c r="I79" s="15"/>
      <c r="J79" s="15"/>
      <c r="K79" s="15"/>
      <c r="L79" s="15"/>
      <c r="N79" s="15"/>
    </row>
    <row r="80" spans="1:14" s="6" customFormat="1" ht="23.25" customHeight="1" x14ac:dyDescent="0.2">
      <c r="A80" s="15"/>
      <c r="B80" s="15"/>
      <c r="C80" s="15"/>
      <c r="D80" s="15"/>
      <c r="E80" s="15"/>
      <c r="F80" s="15"/>
      <c r="G80" s="15"/>
      <c r="H80" s="15"/>
      <c r="I80" s="15"/>
      <c r="J80" s="15"/>
      <c r="K80" s="15"/>
      <c r="L80" s="15"/>
      <c r="N80" s="15"/>
    </row>
    <row r="81" spans="1:17" s="15" customFormat="1" ht="21" customHeight="1" x14ac:dyDescent="0.2"/>
    <row r="82" spans="1:17" s="15" customFormat="1" ht="21" customHeight="1" x14ac:dyDescent="0.2">
      <c r="A82" s="3" t="s">
        <v>42</v>
      </c>
      <c r="B82" s="41"/>
      <c r="C82" s="41"/>
      <c r="D82" s="41"/>
      <c r="E82" s="41"/>
      <c r="F82" s="41"/>
      <c r="G82" s="41"/>
      <c r="H82" s="41"/>
      <c r="I82" s="41"/>
      <c r="J82" s="41"/>
      <c r="K82" s="41"/>
      <c r="L82" s="41"/>
      <c r="N82" s="41"/>
    </row>
    <row r="83" spans="1:17" s="15" customFormat="1" ht="21" customHeight="1" x14ac:dyDescent="0.2">
      <c r="A83" s="5" t="s">
        <v>2</v>
      </c>
      <c r="B83" s="5" t="s">
        <v>29</v>
      </c>
      <c r="C83" s="5">
        <v>60</v>
      </c>
      <c r="D83" s="5" t="s">
        <v>4</v>
      </c>
      <c r="E83" s="5">
        <v>7</v>
      </c>
      <c r="F83" s="5">
        <v>12</v>
      </c>
      <c r="G83" s="5">
        <v>17</v>
      </c>
      <c r="H83" s="5">
        <v>22</v>
      </c>
      <c r="I83" s="5">
        <v>26</v>
      </c>
      <c r="J83" s="5">
        <v>27</v>
      </c>
      <c r="K83" s="5">
        <v>28</v>
      </c>
      <c r="L83" s="5">
        <v>29</v>
      </c>
      <c r="M83" s="5">
        <v>30</v>
      </c>
      <c r="N83" s="5" t="s">
        <v>5</v>
      </c>
      <c r="O83" s="5">
        <v>2</v>
      </c>
      <c r="P83" s="5">
        <v>3</v>
      </c>
      <c r="Q83" s="5">
        <v>4</v>
      </c>
    </row>
    <row r="84" spans="1:17" s="15" customFormat="1" ht="21" customHeight="1" x14ac:dyDescent="0.2">
      <c r="A84" s="7" t="s">
        <v>43</v>
      </c>
      <c r="B84" s="8">
        <v>11019</v>
      </c>
      <c r="C84" s="8">
        <v>9061</v>
      </c>
      <c r="D84" s="8">
        <v>8078</v>
      </c>
      <c r="E84" s="8">
        <v>7649</v>
      </c>
      <c r="F84" s="8">
        <v>7740</v>
      </c>
      <c r="G84" s="8">
        <v>9844</v>
      </c>
      <c r="H84" s="8">
        <v>9057</v>
      </c>
      <c r="I84" s="8">
        <v>8578</v>
      </c>
      <c r="J84" s="8">
        <v>8424</v>
      </c>
      <c r="K84" s="8">
        <v>8292</v>
      </c>
      <c r="L84" s="8">
        <v>8223</v>
      </c>
      <c r="M84" s="8">
        <v>8054</v>
      </c>
      <c r="N84" s="42">
        <v>7968</v>
      </c>
      <c r="O84" s="42">
        <v>7744</v>
      </c>
      <c r="P84" s="42">
        <v>7411</v>
      </c>
      <c r="Q84" s="42">
        <v>7152</v>
      </c>
    </row>
    <row r="85" spans="1:17" s="15" customFormat="1" ht="21" customHeight="1" x14ac:dyDescent="0.2">
      <c r="A85" s="7" t="s">
        <v>44</v>
      </c>
      <c r="B85" s="8">
        <v>13737</v>
      </c>
      <c r="C85" s="8">
        <v>11172</v>
      </c>
      <c r="D85" s="8">
        <v>9246</v>
      </c>
      <c r="E85" s="8">
        <v>7960</v>
      </c>
      <c r="F85" s="8">
        <v>7301</v>
      </c>
      <c r="G85" s="8">
        <v>10019</v>
      </c>
      <c r="H85" s="8">
        <v>9833</v>
      </c>
      <c r="I85" s="8">
        <v>9228</v>
      </c>
      <c r="J85" s="8">
        <v>9094</v>
      </c>
      <c r="K85" s="8">
        <v>8987</v>
      </c>
      <c r="L85" s="8">
        <v>8897</v>
      </c>
      <c r="M85" s="8">
        <v>8689</v>
      </c>
      <c r="N85" s="42">
        <v>8506</v>
      </c>
      <c r="O85" s="42">
        <v>8414</v>
      </c>
      <c r="P85" s="42">
        <v>8293</v>
      </c>
      <c r="Q85" s="42">
        <v>8138</v>
      </c>
    </row>
    <row r="86" spans="1:17" s="15" customFormat="1" ht="21" customHeight="1" x14ac:dyDescent="0.2">
      <c r="A86" s="7" t="s">
        <v>45</v>
      </c>
      <c r="B86" s="8">
        <v>12000</v>
      </c>
      <c r="C86" s="8">
        <v>13789</v>
      </c>
      <c r="D86" s="8">
        <v>11188</v>
      </c>
      <c r="E86" s="8">
        <v>9268</v>
      </c>
      <c r="F86" s="8">
        <v>7853</v>
      </c>
      <c r="G86" s="8">
        <v>9731</v>
      </c>
      <c r="H86" s="8">
        <v>10049</v>
      </c>
      <c r="I86" s="8">
        <v>10039</v>
      </c>
      <c r="J86" s="8">
        <v>9917</v>
      </c>
      <c r="K86" s="8">
        <v>9719</v>
      </c>
      <c r="L86" s="8">
        <v>9437</v>
      </c>
      <c r="M86" s="8">
        <v>9403</v>
      </c>
      <c r="N86" s="42">
        <v>9219</v>
      </c>
      <c r="O86" s="42">
        <v>9084</v>
      </c>
      <c r="P86" s="42">
        <v>8986</v>
      </c>
      <c r="Q86" s="42">
        <v>8918</v>
      </c>
    </row>
    <row r="87" spans="1:17" s="15" customFormat="1" ht="21" customHeight="1" x14ac:dyDescent="0.2">
      <c r="A87" s="9" t="s">
        <v>46</v>
      </c>
      <c r="B87" s="10">
        <v>10284</v>
      </c>
      <c r="C87" s="10">
        <v>11751</v>
      </c>
      <c r="D87" s="10">
        <v>13584</v>
      </c>
      <c r="E87" s="10">
        <v>11134</v>
      </c>
      <c r="F87" s="10">
        <v>9246</v>
      </c>
      <c r="G87" s="10">
        <v>10639</v>
      </c>
      <c r="H87" s="10">
        <v>9799</v>
      </c>
      <c r="I87" s="10">
        <v>10106</v>
      </c>
      <c r="J87" s="10">
        <v>10074</v>
      </c>
      <c r="K87" s="10">
        <v>10254</v>
      </c>
      <c r="L87" s="10">
        <v>10330</v>
      </c>
      <c r="M87" s="10">
        <v>10241</v>
      </c>
      <c r="N87" s="43">
        <v>10145</v>
      </c>
      <c r="O87" s="43">
        <v>9955</v>
      </c>
      <c r="P87" s="43">
        <v>9735</v>
      </c>
      <c r="Q87" s="43">
        <v>9428</v>
      </c>
    </row>
    <row r="88" spans="1:17" s="15" customFormat="1" ht="21" customHeight="1" x14ac:dyDescent="0.2">
      <c r="A88" s="9" t="s">
        <v>47</v>
      </c>
      <c r="B88" s="10">
        <v>8528</v>
      </c>
      <c r="C88" s="10">
        <v>9229</v>
      </c>
      <c r="D88" s="10">
        <v>10973</v>
      </c>
      <c r="E88" s="10">
        <v>13396</v>
      </c>
      <c r="F88" s="10">
        <v>11107</v>
      </c>
      <c r="G88" s="10">
        <v>11778</v>
      </c>
      <c r="H88" s="10">
        <v>10219</v>
      </c>
      <c r="I88" s="10">
        <v>9816</v>
      </c>
      <c r="J88" s="10">
        <v>9917</v>
      </c>
      <c r="K88" s="10">
        <v>10062</v>
      </c>
      <c r="L88" s="10">
        <v>10323</v>
      </c>
      <c r="M88" s="10">
        <v>10775</v>
      </c>
      <c r="N88" s="43">
        <v>10737</v>
      </c>
      <c r="O88" s="43">
        <v>10730</v>
      </c>
      <c r="P88" s="43">
        <v>10694</v>
      </c>
      <c r="Q88" s="43">
        <v>10878</v>
      </c>
    </row>
    <row r="89" spans="1:17" s="15" customFormat="1" ht="21" customHeight="1" x14ac:dyDescent="0.2">
      <c r="A89" s="9" t="s">
        <v>48</v>
      </c>
      <c r="B89" s="10">
        <v>10124</v>
      </c>
      <c r="C89" s="10">
        <v>8627</v>
      </c>
      <c r="D89" s="10">
        <v>9530</v>
      </c>
      <c r="E89" s="10">
        <v>11147</v>
      </c>
      <c r="F89" s="10">
        <v>13019</v>
      </c>
      <c r="G89" s="10">
        <v>13405</v>
      </c>
      <c r="H89" s="10">
        <v>11289</v>
      </c>
      <c r="I89" s="10">
        <v>10928</v>
      </c>
      <c r="J89" s="10">
        <v>10693</v>
      </c>
      <c r="K89" s="10">
        <v>10518</v>
      </c>
      <c r="L89" s="10">
        <v>10549</v>
      </c>
      <c r="M89" s="10">
        <v>10698</v>
      </c>
      <c r="N89" s="43">
        <v>10418</v>
      </c>
      <c r="O89" s="43">
        <v>10495</v>
      </c>
      <c r="P89" s="43">
        <v>10560</v>
      </c>
      <c r="Q89" s="43">
        <v>10776</v>
      </c>
    </row>
    <row r="90" spans="1:17" s="15" customFormat="1" ht="21" customHeight="1" x14ac:dyDescent="0.2">
      <c r="A90" s="9" t="s">
        <v>49</v>
      </c>
      <c r="B90" s="10">
        <v>14159</v>
      </c>
      <c r="C90" s="10">
        <v>10697</v>
      </c>
      <c r="D90" s="10">
        <v>9006</v>
      </c>
      <c r="E90" s="10">
        <v>9741</v>
      </c>
      <c r="F90" s="10">
        <v>11148</v>
      </c>
      <c r="G90" s="10">
        <v>16568</v>
      </c>
      <c r="H90" s="10">
        <v>13823</v>
      </c>
      <c r="I90" s="10">
        <v>12239</v>
      </c>
      <c r="J90" s="10">
        <v>11989</v>
      </c>
      <c r="K90" s="10">
        <v>11941</v>
      </c>
      <c r="L90" s="10">
        <v>11693</v>
      </c>
      <c r="M90" s="10">
        <v>11545</v>
      </c>
      <c r="N90" s="43">
        <v>11278</v>
      </c>
      <c r="O90" s="43">
        <v>11028</v>
      </c>
      <c r="P90" s="43">
        <v>10721</v>
      </c>
      <c r="Q90" s="43">
        <v>10493</v>
      </c>
    </row>
    <row r="91" spans="1:17" s="15" customFormat="1" ht="21" customHeight="1" x14ac:dyDescent="0.2">
      <c r="A91" s="9" t="s">
        <v>50</v>
      </c>
      <c r="B91" s="10">
        <v>12432</v>
      </c>
      <c r="C91" s="10">
        <v>14385</v>
      </c>
      <c r="D91" s="10">
        <v>10859</v>
      </c>
      <c r="E91" s="10">
        <v>9122</v>
      </c>
      <c r="F91" s="10">
        <v>9719</v>
      </c>
      <c r="G91" s="10">
        <v>14112</v>
      </c>
      <c r="H91" s="10">
        <v>16947</v>
      </c>
      <c r="I91" s="10">
        <v>14920</v>
      </c>
      <c r="J91" s="10">
        <v>14211</v>
      </c>
      <c r="K91" s="10">
        <v>13450</v>
      </c>
      <c r="L91" s="10">
        <v>13049</v>
      </c>
      <c r="M91" s="10">
        <v>12577</v>
      </c>
      <c r="N91" s="43">
        <v>12365</v>
      </c>
      <c r="O91" s="43">
        <v>12172</v>
      </c>
      <c r="P91" s="43">
        <v>12103</v>
      </c>
      <c r="Q91" s="43">
        <v>11721</v>
      </c>
    </row>
    <row r="92" spans="1:17" s="15" customFormat="1" ht="21" customHeight="1" x14ac:dyDescent="0.2">
      <c r="A92" s="9" t="s">
        <v>51</v>
      </c>
      <c r="B92" s="10">
        <v>10814</v>
      </c>
      <c r="C92" s="10">
        <v>12444</v>
      </c>
      <c r="D92" s="10">
        <v>14424</v>
      </c>
      <c r="E92" s="10">
        <v>10853</v>
      </c>
      <c r="F92" s="10">
        <v>9066</v>
      </c>
      <c r="G92" s="10">
        <v>12594</v>
      </c>
      <c r="H92" s="10">
        <v>14193</v>
      </c>
      <c r="I92" s="10">
        <v>17075</v>
      </c>
      <c r="J92" s="10">
        <v>17229</v>
      </c>
      <c r="K92" s="10">
        <v>17075</v>
      </c>
      <c r="L92" s="10">
        <v>16474</v>
      </c>
      <c r="M92" s="10">
        <v>15917</v>
      </c>
      <c r="N92" s="43">
        <v>15119</v>
      </c>
      <c r="O92" s="43">
        <v>14311</v>
      </c>
      <c r="P92" s="43">
        <v>13562</v>
      </c>
      <c r="Q92" s="43">
        <v>13108</v>
      </c>
    </row>
    <row r="93" spans="1:17" s="15" customFormat="1" ht="21" customHeight="1" x14ac:dyDescent="0.2">
      <c r="A93" s="9" t="s">
        <v>52</v>
      </c>
      <c r="B93" s="10">
        <v>10379</v>
      </c>
      <c r="C93" s="10">
        <v>10627</v>
      </c>
      <c r="D93" s="10">
        <v>12133</v>
      </c>
      <c r="E93" s="10">
        <v>14234</v>
      </c>
      <c r="F93" s="10">
        <v>10806</v>
      </c>
      <c r="G93" s="10">
        <v>11916</v>
      </c>
      <c r="H93" s="10">
        <v>12531</v>
      </c>
      <c r="I93" s="10">
        <v>13794</v>
      </c>
      <c r="J93" s="10">
        <v>14301</v>
      </c>
      <c r="K93" s="10">
        <v>15464</v>
      </c>
      <c r="L93" s="10">
        <v>16168</v>
      </c>
      <c r="M93" s="10">
        <v>16832</v>
      </c>
      <c r="N93" s="43">
        <v>17101</v>
      </c>
      <c r="O93" s="43">
        <v>17221</v>
      </c>
      <c r="P93" s="43">
        <v>17032</v>
      </c>
      <c r="Q93" s="43">
        <v>16470</v>
      </c>
    </row>
    <row r="94" spans="1:17" s="15" customFormat="1" ht="21" customHeight="1" x14ac:dyDescent="0.2">
      <c r="A94" s="9" t="s">
        <v>53</v>
      </c>
      <c r="B94" s="10">
        <v>9212</v>
      </c>
      <c r="C94" s="10">
        <v>10076</v>
      </c>
      <c r="D94" s="10">
        <v>10311</v>
      </c>
      <c r="E94" s="10">
        <v>11866</v>
      </c>
      <c r="F94" s="10">
        <v>13889</v>
      </c>
      <c r="G94" s="10">
        <v>14109</v>
      </c>
      <c r="H94" s="10">
        <v>11756</v>
      </c>
      <c r="I94" s="10">
        <v>12279</v>
      </c>
      <c r="J94" s="10">
        <v>12466</v>
      </c>
      <c r="K94" s="10">
        <v>12311</v>
      </c>
      <c r="L94" s="10">
        <v>12886</v>
      </c>
      <c r="M94" s="10">
        <v>13191</v>
      </c>
      <c r="N94" s="43">
        <v>13773</v>
      </c>
      <c r="O94" s="43">
        <v>14299</v>
      </c>
      <c r="P94" s="43">
        <v>15428</v>
      </c>
      <c r="Q94" s="43">
        <v>16024</v>
      </c>
    </row>
    <row r="95" spans="1:17" s="15" customFormat="1" ht="21" customHeight="1" x14ac:dyDescent="0.2">
      <c r="A95" s="9" t="s">
        <v>54</v>
      </c>
      <c r="B95" s="10">
        <v>6808</v>
      </c>
      <c r="C95" s="10">
        <v>8950</v>
      </c>
      <c r="D95" s="10">
        <v>9718</v>
      </c>
      <c r="E95" s="10">
        <v>9987</v>
      </c>
      <c r="F95" s="10">
        <v>11442</v>
      </c>
      <c r="G95" s="10">
        <v>17606</v>
      </c>
      <c r="H95" s="10">
        <v>13853</v>
      </c>
      <c r="I95" s="10">
        <v>11891</v>
      </c>
      <c r="J95" s="10">
        <v>11681</v>
      </c>
      <c r="K95" s="10">
        <v>11677</v>
      </c>
      <c r="L95" s="10">
        <v>11697</v>
      </c>
      <c r="M95" s="10">
        <v>11947</v>
      </c>
      <c r="N95" s="43">
        <v>12121</v>
      </c>
      <c r="O95" s="43">
        <v>12374</v>
      </c>
      <c r="P95" s="43">
        <v>12185</v>
      </c>
      <c r="Q95" s="43">
        <v>12732</v>
      </c>
    </row>
    <row r="96" spans="1:17" s="15" customFormat="1" ht="21" customHeight="1" x14ac:dyDescent="0.2">
      <c r="A96" s="9" t="s">
        <v>55</v>
      </c>
      <c r="B96" s="10">
        <v>5629</v>
      </c>
      <c r="C96" s="10">
        <v>6460</v>
      </c>
      <c r="D96" s="10">
        <v>8514</v>
      </c>
      <c r="E96" s="10">
        <v>9242</v>
      </c>
      <c r="F96" s="10">
        <v>9558</v>
      </c>
      <c r="G96" s="10">
        <v>13951</v>
      </c>
      <c r="H96" s="10">
        <v>17082</v>
      </c>
      <c r="I96" s="10">
        <v>14281</v>
      </c>
      <c r="J96" s="10">
        <v>13533</v>
      </c>
      <c r="K96" s="10">
        <v>12944</v>
      </c>
      <c r="L96" s="10">
        <v>12370</v>
      </c>
      <c r="M96" s="10">
        <v>11863</v>
      </c>
      <c r="N96" s="43">
        <v>11680</v>
      </c>
      <c r="O96" s="43">
        <v>11483</v>
      </c>
      <c r="P96" s="43">
        <v>11445</v>
      </c>
      <c r="Q96" s="43">
        <v>11442</v>
      </c>
    </row>
    <row r="97" spans="1:17" s="15" customFormat="1" ht="21" customHeight="1" x14ac:dyDescent="0.2">
      <c r="A97" s="11" t="s">
        <v>56</v>
      </c>
      <c r="B97" s="12">
        <v>5269</v>
      </c>
      <c r="C97" s="12">
        <v>5187</v>
      </c>
      <c r="D97" s="12">
        <v>6013</v>
      </c>
      <c r="E97" s="12">
        <v>7854</v>
      </c>
      <c r="F97" s="12">
        <v>8570</v>
      </c>
      <c r="G97" s="12">
        <v>11477</v>
      </c>
      <c r="H97" s="12">
        <v>13295</v>
      </c>
      <c r="I97" s="12">
        <v>15400</v>
      </c>
      <c r="J97" s="12">
        <v>16371</v>
      </c>
      <c r="K97" s="12">
        <v>17073</v>
      </c>
      <c r="L97" s="12">
        <v>15866</v>
      </c>
      <c r="M97" s="12">
        <v>14827</v>
      </c>
      <c r="N97" s="44">
        <v>13625</v>
      </c>
      <c r="O97" s="44">
        <v>12921</v>
      </c>
      <c r="P97" s="44">
        <v>12368</v>
      </c>
      <c r="Q97" s="44">
        <v>11859</v>
      </c>
    </row>
    <row r="98" spans="1:17" s="15" customFormat="1" ht="21" customHeight="1" x14ac:dyDescent="0.2">
      <c r="A98" s="11" t="s">
        <v>57</v>
      </c>
      <c r="B98" s="12">
        <v>3690</v>
      </c>
      <c r="C98" s="12">
        <v>4557</v>
      </c>
      <c r="D98" s="12">
        <v>4537</v>
      </c>
      <c r="E98" s="12">
        <v>5338</v>
      </c>
      <c r="F98" s="12">
        <v>7009</v>
      </c>
      <c r="G98" s="12">
        <v>10017</v>
      </c>
      <c r="H98" s="12">
        <v>10515</v>
      </c>
      <c r="I98" s="12">
        <v>12558</v>
      </c>
      <c r="J98" s="12">
        <v>12281</v>
      </c>
      <c r="K98" s="12">
        <v>11649</v>
      </c>
      <c r="L98" s="12">
        <v>12585</v>
      </c>
      <c r="M98" s="12">
        <v>13571</v>
      </c>
      <c r="N98" s="44">
        <v>14348</v>
      </c>
      <c r="O98" s="44">
        <v>15246</v>
      </c>
      <c r="P98" s="44">
        <v>15846</v>
      </c>
      <c r="Q98" s="44">
        <v>14715</v>
      </c>
    </row>
    <row r="99" spans="1:17" s="15" customFormat="1" ht="21" customHeight="1" x14ac:dyDescent="0.2">
      <c r="A99" s="11" t="s">
        <v>58</v>
      </c>
      <c r="B99" s="12">
        <v>2254</v>
      </c>
      <c r="C99" s="12">
        <v>2783</v>
      </c>
      <c r="D99" s="12">
        <v>3612</v>
      </c>
      <c r="E99" s="12">
        <v>3707</v>
      </c>
      <c r="F99" s="12">
        <v>4405</v>
      </c>
      <c r="G99" s="12">
        <v>7875</v>
      </c>
      <c r="H99" s="12">
        <v>8589</v>
      </c>
      <c r="I99" s="12">
        <v>8892</v>
      </c>
      <c r="J99" s="12">
        <v>9149</v>
      </c>
      <c r="K99" s="12">
        <v>9432</v>
      </c>
      <c r="L99" s="12">
        <v>10053</v>
      </c>
      <c r="M99" s="12">
        <v>10482</v>
      </c>
      <c r="N99" s="44">
        <v>11120</v>
      </c>
      <c r="O99" s="44">
        <v>10881</v>
      </c>
      <c r="P99" s="44">
        <v>10270</v>
      </c>
      <c r="Q99" s="44">
        <v>11106</v>
      </c>
    </row>
    <row r="100" spans="1:17" s="15" customFormat="1" ht="21" customHeight="1" x14ac:dyDescent="0.2">
      <c r="A100" s="11" t="s">
        <v>59</v>
      </c>
      <c r="B100" s="12">
        <v>986</v>
      </c>
      <c r="C100" s="12">
        <v>1374</v>
      </c>
      <c r="D100" s="12">
        <v>1884</v>
      </c>
      <c r="E100" s="12">
        <v>2481</v>
      </c>
      <c r="F100" s="12">
        <v>2651</v>
      </c>
      <c r="G100" s="12">
        <v>4416</v>
      </c>
      <c r="H100" s="12">
        <v>5936</v>
      </c>
      <c r="I100" s="12">
        <v>6549</v>
      </c>
      <c r="J100" s="12">
        <v>6627</v>
      </c>
      <c r="K100" s="12">
        <v>6852</v>
      </c>
      <c r="L100" s="12">
        <v>7052</v>
      </c>
      <c r="M100" s="12">
        <v>7069</v>
      </c>
      <c r="N100" s="44">
        <v>7003</v>
      </c>
      <c r="O100" s="44">
        <v>7315</v>
      </c>
      <c r="P100" s="44">
        <v>7622</v>
      </c>
      <c r="Q100" s="44">
        <v>8055</v>
      </c>
    </row>
    <row r="101" spans="1:17" s="15" customFormat="1" ht="21" customHeight="1" x14ac:dyDescent="0.2">
      <c r="A101" s="11" t="s">
        <v>60</v>
      </c>
      <c r="B101" s="12">
        <v>288</v>
      </c>
      <c r="C101" s="12">
        <v>458</v>
      </c>
      <c r="D101" s="12">
        <v>712</v>
      </c>
      <c r="E101" s="12">
        <v>992</v>
      </c>
      <c r="F101" s="12">
        <v>1414</v>
      </c>
      <c r="G101" s="12">
        <v>2082</v>
      </c>
      <c r="H101" s="12">
        <v>2666</v>
      </c>
      <c r="I101" s="12">
        <v>3566</v>
      </c>
      <c r="J101" s="12">
        <v>3676</v>
      </c>
      <c r="K101" s="12">
        <v>3817</v>
      </c>
      <c r="L101" s="12">
        <v>3847</v>
      </c>
      <c r="M101" s="12">
        <v>3962</v>
      </c>
      <c r="N101" s="44">
        <v>4147</v>
      </c>
      <c r="O101" s="44">
        <v>4269</v>
      </c>
      <c r="P101" s="44">
        <v>4492</v>
      </c>
      <c r="Q101" s="44">
        <v>4667</v>
      </c>
    </row>
    <row r="102" spans="1:17" s="15" customFormat="1" ht="21" customHeight="1" x14ac:dyDescent="0.2">
      <c r="A102" s="11" t="s">
        <v>61</v>
      </c>
      <c r="B102" s="12">
        <v>52</v>
      </c>
      <c r="C102" s="12">
        <v>91</v>
      </c>
      <c r="D102" s="12">
        <v>166</v>
      </c>
      <c r="E102" s="12">
        <v>287</v>
      </c>
      <c r="F102" s="12">
        <v>381</v>
      </c>
      <c r="G102" s="12">
        <v>828</v>
      </c>
      <c r="H102" s="12">
        <v>938</v>
      </c>
      <c r="I102" s="12">
        <v>1114</v>
      </c>
      <c r="J102" s="12">
        <v>1206</v>
      </c>
      <c r="K102" s="12">
        <v>1330</v>
      </c>
      <c r="L102" s="12">
        <v>1420</v>
      </c>
      <c r="M102" s="12">
        <v>1558</v>
      </c>
      <c r="N102" s="44">
        <v>1605</v>
      </c>
      <c r="O102" s="44">
        <v>1694</v>
      </c>
      <c r="P102" s="44">
        <v>1763</v>
      </c>
      <c r="Q102" s="44">
        <v>1766</v>
      </c>
    </row>
    <row r="103" spans="1:17" s="15" customFormat="1" ht="21" customHeight="1" x14ac:dyDescent="0.2">
      <c r="A103" s="11" t="s">
        <v>62</v>
      </c>
      <c r="B103" s="12">
        <v>8</v>
      </c>
      <c r="C103" s="12">
        <v>8</v>
      </c>
      <c r="D103" s="12">
        <v>19</v>
      </c>
      <c r="E103" s="12">
        <v>32</v>
      </c>
      <c r="F103" s="12">
        <v>64</v>
      </c>
      <c r="G103" s="12">
        <v>143</v>
      </c>
      <c r="H103" s="12">
        <v>225</v>
      </c>
      <c r="I103" s="12">
        <v>221</v>
      </c>
      <c r="J103" s="12">
        <v>243</v>
      </c>
      <c r="K103" s="12">
        <v>265</v>
      </c>
      <c r="L103" s="12">
        <v>265</v>
      </c>
      <c r="M103" s="12">
        <v>266</v>
      </c>
      <c r="N103" s="44">
        <v>319</v>
      </c>
      <c r="O103" s="44">
        <v>335</v>
      </c>
      <c r="P103" s="44">
        <v>387</v>
      </c>
      <c r="Q103" s="44">
        <v>408</v>
      </c>
    </row>
    <row r="104" spans="1:17" s="15" customFormat="1" ht="21" customHeight="1" x14ac:dyDescent="0.2">
      <c r="A104" s="11" t="s">
        <v>63</v>
      </c>
      <c r="B104" s="12">
        <v>1</v>
      </c>
      <c r="C104" s="12">
        <v>1</v>
      </c>
      <c r="D104" s="12">
        <v>2</v>
      </c>
      <c r="E104" s="12">
        <v>1</v>
      </c>
      <c r="F104" s="12">
        <v>2</v>
      </c>
      <c r="G104" s="12">
        <v>12</v>
      </c>
      <c r="H104" s="12">
        <v>18</v>
      </c>
      <c r="I104" s="12">
        <v>26</v>
      </c>
      <c r="J104" s="12">
        <v>32</v>
      </c>
      <c r="K104" s="12">
        <v>31</v>
      </c>
      <c r="L104" s="12">
        <v>35</v>
      </c>
      <c r="M104" s="12">
        <v>29</v>
      </c>
      <c r="N104" s="44">
        <v>28</v>
      </c>
      <c r="O104" s="44">
        <v>39</v>
      </c>
      <c r="P104" s="44">
        <v>31</v>
      </c>
      <c r="Q104" s="44">
        <v>38</v>
      </c>
    </row>
    <row r="105" spans="1:17" s="15" customFormat="1" ht="21" customHeight="1" x14ac:dyDescent="0.2">
      <c r="A105" s="13" t="s">
        <v>64</v>
      </c>
      <c r="B105" s="14">
        <v>147673</v>
      </c>
      <c r="C105" s="14">
        <v>151727</v>
      </c>
      <c r="D105" s="14">
        <v>154509</v>
      </c>
      <c r="E105" s="14">
        <v>156291</v>
      </c>
      <c r="F105" s="14">
        <v>156390</v>
      </c>
      <c r="G105" s="14">
        <v>203122</v>
      </c>
      <c r="H105" s="14">
        <v>202613</v>
      </c>
      <c r="I105" s="14">
        <v>203500</v>
      </c>
      <c r="J105" s="14">
        <v>203114</v>
      </c>
      <c r="K105" s="14">
        <v>203143</v>
      </c>
      <c r="L105" s="14">
        <v>203219</v>
      </c>
      <c r="M105" s="14">
        <v>203496</v>
      </c>
      <c r="N105" s="14">
        <v>202625</v>
      </c>
      <c r="O105" s="14">
        <v>202010</v>
      </c>
      <c r="P105" s="14">
        <v>200934</v>
      </c>
      <c r="Q105" s="14">
        <v>199894</v>
      </c>
    </row>
    <row r="106" spans="1:17" s="15" customFormat="1" ht="21" customHeight="1" x14ac:dyDescent="0.2">
      <c r="A106" s="45"/>
      <c r="B106" s="46"/>
      <c r="C106" s="46"/>
      <c r="D106" s="46"/>
      <c r="E106" s="46"/>
      <c r="F106" s="46"/>
      <c r="G106" s="46"/>
      <c r="H106" s="46"/>
      <c r="I106" s="46"/>
      <c r="J106" s="46"/>
      <c r="K106" s="46"/>
      <c r="L106" s="46"/>
      <c r="M106" s="46"/>
      <c r="N106" s="46"/>
      <c r="O106" s="46"/>
      <c r="P106" s="46"/>
      <c r="Q106" s="46"/>
    </row>
    <row r="107" spans="1:17" s="15" customFormat="1" ht="21" customHeight="1" x14ac:dyDescent="0.2">
      <c r="A107" s="41"/>
      <c r="B107" s="41"/>
      <c r="C107" s="41"/>
      <c r="D107" s="41"/>
      <c r="E107" s="41"/>
      <c r="F107" s="41"/>
      <c r="G107" s="41"/>
      <c r="H107" s="41"/>
      <c r="I107" s="41"/>
      <c r="J107" s="41"/>
      <c r="K107" s="41"/>
      <c r="L107" s="41"/>
      <c r="M107" s="41"/>
      <c r="O107" s="41"/>
      <c r="P107" s="41"/>
      <c r="Q107" s="41"/>
    </row>
    <row r="108" spans="1:17" s="15" customFormat="1" ht="21" customHeight="1" x14ac:dyDescent="0.2">
      <c r="A108" s="47" t="s">
        <v>28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s="15" customFormat="1" ht="21" customHeight="1" x14ac:dyDescent="0.2">
      <c r="A109" s="5" t="s">
        <v>2</v>
      </c>
      <c r="B109" s="5" t="s">
        <v>29</v>
      </c>
      <c r="C109" s="5">
        <v>60</v>
      </c>
      <c r="D109" s="5" t="s">
        <v>4</v>
      </c>
      <c r="E109" s="5">
        <v>7</v>
      </c>
      <c r="F109" s="5">
        <v>12</v>
      </c>
      <c r="G109" s="5">
        <v>17</v>
      </c>
      <c r="H109" s="5">
        <v>22</v>
      </c>
      <c r="I109" s="5">
        <v>26</v>
      </c>
      <c r="J109" s="5">
        <v>27</v>
      </c>
      <c r="K109" s="5">
        <v>28</v>
      </c>
      <c r="L109" s="5">
        <v>29</v>
      </c>
      <c r="M109" s="5">
        <v>30</v>
      </c>
      <c r="N109" s="5" t="s">
        <v>5</v>
      </c>
      <c r="O109" s="5">
        <v>2</v>
      </c>
      <c r="P109" s="5">
        <v>3</v>
      </c>
      <c r="Q109" s="5">
        <v>4</v>
      </c>
    </row>
    <row r="110" spans="1:17" s="15" customFormat="1" ht="21" customHeight="1" x14ac:dyDescent="0.2">
      <c r="A110" s="7" t="s">
        <v>65</v>
      </c>
      <c r="B110" s="8">
        <v>36756</v>
      </c>
      <c r="C110" s="8">
        <v>34022</v>
      </c>
      <c r="D110" s="8">
        <v>28512</v>
      </c>
      <c r="E110" s="8">
        <v>24877</v>
      </c>
      <c r="F110" s="8">
        <v>22894</v>
      </c>
      <c r="G110" s="8">
        <v>29594</v>
      </c>
      <c r="H110" s="8">
        <v>28939</v>
      </c>
      <c r="I110" s="8">
        <v>27845</v>
      </c>
      <c r="J110" s="8">
        <v>27435</v>
      </c>
      <c r="K110" s="8">
        <v>26998</v>
      </c>
      <c r="L110" s="8">
        <v>26557</v>
      </c>
      <c r="M110" s="8">
        <v>26146</v>
      </c>
      <c r="N110" s="8">
        <v>25693</v>
      </c>
      <c r="O110" s="8">
        <v>25242</v>
      </c>
      <c r="P110" s="8">
        <v>24690</v>
      </c>
      <c r="Q110" s="8">
        <v>24208</v>
      </c>
    </row>
    <row r="111" spans="1:17" s="15" customFormat="1" ht="21" customHeight="1" x14ac:dyDescent="0.2">
      <c r="A111" s="9" t="s">
        <v>31</v>
      </c>
      <c r="B111" s="10">
        <v>98369</v>
      </c>
      <c r="C111" s="10">
        <v>103246</v>
      </c>
      <c r="D111" s="10">
        <v>109052</v>
      </c>
      <c r="E111" s="10">
        <v>110722</v>
      </c>
      <c r="F111" s="10">
        <v>109000</v>
      </c>
      <c r="G111" s="10">
        <v>136678</v>
      </c>
      <c r="H111" s="10">
        <v>131492</v>
      </c>
      <c r="I111" s="10">
        <v>127329</v>
      </c>
      <c r="J111" s="10">
        <v>126094</v>
      </c>
      <c r="K111" s="10">
        <v>125696</v>
      </c>
      <c r="L111" s="10">
        <v>125539</v>
      </c>
      <c r="M111" s="10">
        <v>125586</v>
      </c>
      <c r="N111" s="10">
        <v>124737</v>
      </c>
      <c r="O111" s="10">
        <v>124068</v>
      </c>
      <c r="P111" s="10">
        <v>123465</v>
      </c>
      <c r="Q111" s="10">
        <v>123072</v>
      </c>
    </row>
    <row r="112" spans="1:17" s="15" customFormat="1" ht="21" customHeight="1" x14ac:dyDescent="0.2">
      <c r="A112" s="11" t="s">
        <v>32</v>
      </c>
      <c r="B112" s="12">
        <v>12548</v>
      </c>
      <c r="C112" s="12">
        <v>14459</v>
      </c>
      <c r="D112" s="12">
        <v>16945</v>
      </c>
      <c r="E112" s="12">
        <v>20692</v>
      </c>
      <c r="F112" s="12">
        <v>24496</v>
      </c>
      <c r="G112" s="12">
        <v>36850</v>
      </c>
      <c r="H112" s="12">
        <v>42182</v>
      </c>
      <c r="I112" s="12">
        <v>48326</v>
      </c>
      <c r="J112" s="12">
        <v>49585</v>
      </c>
      <c r="K112" s="12">
        <v>50449</v>
      </c>
      <c r="L112" s="12">
        <v>51123</v>
      </c>
      <c r="M112" s="12">
        <v>51764</v>
      </c>
      <c r="N112" s="12">
        <v>52195</v>
      </c>
      <c r="O112" s="12">
        <v>52700</v>
      </c>
      <c r="P112" s="12">
        <v>52779</v>
      </c>
      <c r="Q112" s="12">
        <v>52614</v>
      </c>
    </row>
    <row r="113" spans="1:17" s="15" customFormat="1" ht="21" customHeight="1" x14ac:dyDescent="0.2">
      <c r="A113" s="13" t="s">
        <v>33</v>
      </c>
      <c r="B113" s="14">
        <v>147673</v>
      </c>
      <c r="C113" s="14">
        <v>151727</v>
      </c>
      <c r="D113" s="14">
        <v>154509</v>
      </c>
      <c r="E113" s="14">
        <v>156291</v>
      </c>
      <c r="F113" s="14">
        <v>156390</v>
      </c>
      <c r="G113" s="14">
        <v>203122</v>
      </c>
      <c r="H113" s="14">
        <v>202613</v>
      </c>
      <c r="I113" s="14">
        <v>203500</v>
      </c>
      <c r="J113" s="14">
        <v>203114</v>
      </c>
      <c r="K113" s="14">
        <v>203143</v>
      </c>
      <c r="L113" s="14">
        <v>203219</v>
      </c>
      <c r="M113" s="14">
        <v>203496</v>
      </c>
      <c r="N113" s="14">
        <v>202625</v>
      </c>
      <c r="O113" s="14">
        <v>202010</v>
      </c>
      <c r="P113" s="14">
        <v>200934</v>
      </c>
      <c r="Q113" s="14">
        <v>199894</v>
      </c>
    </row>
    <row r="114" spans="1:17" s="15" customFormat="1" ht="21" customHeight="1" x14ac:dyDescent="0.2">
      <c r="A114" s="48"/>
      <c r="B114" s="49"/>
      <c r="C114" s="49"/>
      <c r="D114" s="49"/>
      <c r="E114" s="49"/>
      <c r="F114" s="49"/>
      <c r="G114" s="49"/>
      <c r="H114" s="49"/>
      <c r="I114" s="49"/>
      <c r="J114" s="49"/>
      <c r="K114" s="49"/>
      <c r="L114" s="49"/>
      <c r="M114" s="49"/>
      <c r="N114" s="49"/>
      <c r="O114" s="49"/>
      <c r="P114" s="49"/>
      <c r="Q114" s="49"/>
    </row>
    <row r="115" spans="1:17" s="15" customFormat="1" ht="21" customHeight="1" x14ac:dyDescent="0.2">
      <c r="A115" s="45"/>
      <c r="B115" s="50"/>
      <c r="C115" s="50"/>
      <c r="D115" s="50"/>
      <c r="E115" s="50"/>
      <c r="F115" s="50"/>
      <c r="G115" s="50"/>
      <c r="H115" s="50"/>
      <c r="I115" s="50"/>
      <c r="J115" s="50"/>
      <c r="K115" s="50"/>
      <c r="L115" s="50"/>
      <c r="M115" s="50"/>
      <c r="N115" s="50"/>
      <c r="O115" s="50"/>
      <c r="P115" s="50"/>
      <c r="Q115" s="50"/>
    </row>
    <row r="116" spans="1:17" s="15" customFormat="1" ht="21" customHeight="1" x14ac:dyDescent="0.2">
      <c r="A116" s="51" t="s">
        <v>34</v>
      </c>
      <c r="B116" s="52"/>
      <c r="C116" s="52"/>
      <c r="D116" s="52"/>
      <c r="E116" s="52"/>
      <c r="F116" s="52"/>
      <c r="G116" s="52"/>
      <c r="H116" s="52"/>
      <c r="I116" s="52"/>
      <c r="J116" s="52"/>
      <c r="K116" s="52"/>
      <c r="L116" s="52"/>
      <c r="M116" s="52"/>
      <c r="N116" s="52"/>
      <c r="O116" s="52"/>
      <c r="P116" s="52"/>
      <c r="Q116" s="52"/>
    </row>
    <row r="117" spans="1:17" s="15" customFormat="1" ht="21" customHeight="1" x14ac:dyDescent="0.2">
      <c r="A117" s="5" t="s">
        <v>2</v>
      </c>
      <c r="B117" s="5" t="s">
        <v>29</v>
      </c>
      <c r="C117" s="5">
        <v>60</v>
      </c>
      <c r="D117" s="5" t="s">
        <v>4</v>
      </c>
      <c r="E117" s="5">
        <v>7</v>
      </c>
      <c r="F117" s="5">
        <v>12</v>
      </c>
      <c r="G117" s="5">
        <v>17</v>
      </c>
      <c r="H117" s="5">
        <v>22</v>
      </c>
      <c r="I117" s="5">
        <v>26</v>
      </c>
      <c r="J117" s="5">
        <v>27</v>
      </c>
      <c r="K117" s="5">
        <v>28</v>
      </c>
      <c r="L117" s="5">
        <v>29</v>
      </c>
      <c r="M117" s="5">
        <v>30</v>
      </c>
      <c r="N117" s="5" t="s">
        <v>5</v>
      </c>
      <c r="O117" s="5">
        <v>2</v>
      </c>
      <c r="P117" s="5">
        <v>3</v>
      </c>
      <c r="Q117" s="5">
        <v>4</v>
      </c>
    </row>
    <row r="118" spans="1:17" s="15" customFormat="1" ht="21" customHeight="1" x14ac:dyDescent="0.2">
      <c r="A118" s="7" t="s">
        <v>65</v>
      </c>
      <c r="B118" s="53">
        <v>24.9</v>
      </c>
      <c r="C118" s="53">
        <v>22.4</v>
      </c>
      <c r="D118" s="53">
        <v>18.5</v>
      </c>
      <c r="E118" s="53">
        <v>15.9</v>
      </c>
      <c r="F118" s="53">
        <v>14.6</v>
      </c>
      <c r="G118" s="53">
        <v>14.6</v>
      </c>
      <c r="H118" s="53">
        <v>14.3</v>
      </c>
      <c r="I118" s="53">
        <v>13.7</v>
      </c>
      <c r="J118" s="53">
        <v>13.5</v>
      </c>
      <c r="K118" s="53">
        <v>13.3</v>
      </c>
      <c r="L118" s="53">
        <v>13.1</v>
      </c>
      <c r="M118" s="53">
        <v>12.8</v>
      </c>
      <c r="N118" s="53">
        <v>12.7</v>
      </c>
      <c r="O118" s="53">
        <v>12.5</v>
      </c>
      <c r="P118" s="53">
        <v>12.3</v>
      </c>
      <c r="Q118" s="53">
        <v>12.1</v>
      </c>
    </row>
    <row r="119" spans="1:17" s="15" customFormat="1" ht="21" customHeight="1" x14ac:dyDescent="0.2">
      <c r="A119" s="9" t="s">
        <v>31</v>
      </c>
      <c r="B119" s="54">
        <v>66.599999999999994</v>
      </c>
      <c r="C119" s="54">
        <v>68</v>
      </c>
      <c r="D119" s="54">
        <v>70.599999999999994</v>
      </c>
      <c r="E119" s="54">
        <v>70.8</v>
      </c>
      <c r="F119" s="54">
        <v>69.7</v>
      </c>
      <c r="G119" s="54">
        <v>67.3</v>
      </c>
      <c r="H119" s="54">
        <v>64.900000000000006</v>
      </c>
      <c r="I119" s="54">
        <v>62.6</v>
      </c>
      <c r="J119" s="54">
        <v>62.1</v>
      </c>
      <c r="K119" s="54">
        <v>61.9</v>
      </c>
      <c r="L119" s="54">
        <v>61.8</v>
      </c>
      <c r="M119" s="54">
        <v>61.7</v>
      </c>
      <c r="N119" s="54">
        <v>61.6</v>
      </c>
      <c r="O119" s="54">
        <v>61.4</v>
      </c>
      <c r="P119" s="54">
        <v>61.4</v>
      </c>
      <c r="Q119" s="54">
        <v>61.6</v>
      </c>
    </row>
    <row r="120" spans="1:17" s="15" customFormat="1" ht="21" customHeight="1" x14ac:dyDescent="0.2">
      <c r="A120" s="11" t="s">
        <v>32</v>
      </c>
      <c r="B120" s="55">
        <v>8.5</v>
      </c>
      <c r="C120" s="55">
        <v>9.5</v>
      </c>
      <c r="D120" s="55">
        <v>11</v>
      </c>
      <c r="E120" s="55">
        <v>13.2</v>
      </c>
      <c r="F120" s="55">
        <v>15.7</v>
      </c>
      <c r="G120" s="55">
        <v>18.100000000000001</v>
      </c>
      <c r="H120" s="55">
        <v>20.8</v>
      </c>
      <c r="I120" s="55">
        <v>23.7</v>
      </c>
      <c r="J120" s="55">
        <v>24.4</v>
      </c>
      <c r="K120" s="55">
        <v>24.8</v>
      </c>
      <c r="L120" s="55">
        <v>25.2</v>
      </c>
      <c r="M120" s="55">
        <v>25.4</v>
      </c>
      <c r="N120" s="55">
        <v>25.8</v>
      </c>
      <c r="O120" s="55">
        <v>26.1</v>
      </c>
      <c r="P120" s="55">
        <v>26.3</v>
      </c>
      <c r="Q120" s="55">
        <v>26.3</v>
      </c>
    </row>
    <row r="121" spans="1:17" s="15" customFormat="1" ht="21" customHeight="1" x14ac:dyDescent="0.2">
      <c r="A121" s="56" t="s">
        <v>39</v>
      </c>
      <c r="B121" s="41"/>
      <c r="C121" s="41"/>
      <c r="D121" s="41"/>
      <c r="E121" s="41"/>
      <c r="F121" s="41"/>
      <c r="G121" s="41"/>
      <c r="H121" s="41"/>
      <c r="I121" s="41"/>
      <c r="J121" s="41"/>
      <c r="K121" s="41"/>
      <c r="L121" s="41"/>
      <c r="M121" s="41"/>
      <c r="N121" s="41"/>
    </row>
    <row r="122" spans="1:17" s="15" customFormat="1" ht="21" customHeight="1" x14ac:dyDescent="0.2">
      <c r="A122" s="56"/>
      <c r="B122" s="41"/>
      <c r="C122" s="41"/>
      <c r="D122" s="41"/>
      <c r="E122" s="41"/>
      <c r="F122" s="41"/>
      <c r="G122" s="41"/>
      <c r="H122" s="41"/>
      <c r="I122" s="41"/>
      <c r="J122" s="41"/>
      <c r="K122" s="41"/>
      <c r="L122" s="41"/>
      <c r="M122" s="41"/>
      <c r="N122" s="41"/>
    </row>
    <row r="123" spans="1:17" s="15" customFormat="1" ht="21" customHeight="1" x14ac:dyDescent="0.2">
      <c r="A123" s="56"/>
      <c r="B123" s="41"/>
      <c r="C123" s="41"/>
      <c r="D123" s="41"/>
      <c r="E123" s="41"/>
      <c r="F123" s="41"/>
      <c r="G123" s="41"/>
      <c r="H123" s="41"/>
      <c r="I123" s="41"/>
      <c r="J123" s="41"/>
      <c r="K123" s="41"/>
      <c r="L123" s="41"/>
      <c r="M123" s="41"/>
      <c r="N123" s="41"/>
    </row>
    <row r="124" spans="1:17" s="15" customFormat="1" ht="21" customHeight="1" x14ac:dyDescent="0.2">
      <c r="A124" s="56"/>
      <c r="B124" s="41"/>
      <c r="C124" s="41"/>
      <c r="D124" s="41"/>
      <c r="E124" s="41"/>
      <c r="F124" s="41"/>
      <c r="G124" s="41"/>
      <c r="H124" s="41"/>
      <c r="I124" s="41"/>
      <c r="J124" s="41"/>
      <c r="K124" s="41"/>
      <c r="L124" s="41"/>
      <c r="M124" s="41"/>
      <c r="N124" s="41"/>
    </row>
    <row r="125" spans="1:17" s="15" customFormat="1" ht="21" customHeight="1" x14ac:dyDescent="0.2">
      <c r="A125" s="56"/>
      <c r="B125" s="41"/>
      <c r="C125" s="41"/>
      <c r="D125" s="41"/>
      <c r="E125" s="41"/>
      <c r="F125" s="41"/>
      <c r="G125" s="41"/>
      <c r="H125" s="41"/>
      <c r="I125" s="41"/>
      <c r="J125" s="41"/>
      <c r="K125" s="41"/>
      <c r="L125" s="41"/>
      <c r="M125" s="41"/>
      <c r="N125" s="41"/>
    </row>
    <row r="126" spans="1:17" s="15" customFormat="1" ht="21" customHeight="1" x14ac:dyDescent="0.2">
      <c r="A126" s="56"/>
      <c r="B126" s="41"/>
      <c r="C126" s="41"/>
      <c r="D126" s="41"/>
      <c r="E126" s="41"/>
      <c r="F126" s="41"/>
      <c r="G126" s="41"/>
      <c r="H126" s="41"/>
      <c r="I126" s="41"/>
      <c r="J126" s="41"/>
      <c r="K126" s="41"/>
      <c r="L126" s="41"/>
      <c r="M126" s="41"/>
      <c r="N126" s="41"/>
    </row>
    <row r="127" spans="1:17" s="15" customFormat="1" ht="21" customHeight="1" x14ac:dyDescent="0.2">
      <c r="A127" s="41"/>
      <c r="B127" s="41"/>
      <c r="C127" s="41"/>
      <c r="D127" s="41"/>
      <c r="E127" s="41"/>
      <c r="F127" s="41"/>
      <c r="G127" s="41"/>
      <c r="H127" s="41"/>
      <c r="I127" s="41"/>
      <c r="J127" s="41"/>
      <c r="K127" s="41"/>
      <c r="L127" s="41"/>
      <c r="M127" s="41"/>
      <c r="N127" s="41"/>
    </row>
    <row r="128" spans="1:17" s="15" customFormat="1" ht="21" customHeight="1" x14ac:dyDescent="0.2">
      <c r="A128" s="3" t="s">
        <v>66</v>
      </c>
      <c r="B128" s="41"/>
      <c r="C128" s="41"/>
      <c r="D128" s="41"/>
      <c r="E128" s="41"/>
      <c r="F128" s="41"/>
      <c r="G128" s="41"/>
      <c r="H128" s="41"/>
      <c r="I128" s="41"/>
      <c r="J128" s="41"/>
      <c r="K128" s="41"/>
      <c r="L128" s="41"/>
      <c r="M128" s="41"/>
      <c r="N128" s="41"/>
    </row>
    <row r="129" spans="1:17" s="15" customFormat="1" ht="21" customHeight="1" x14ac:dyDescent="0.2">
      <c r="A129" s="5" t="s">
        <v>2</v>
      </c>
      <c r="B129" s="5" t="s">
        <v>29</v>
      </c>
      <c r="C129" s="5">
        <v>60</v>
      </c>
      <c r="D129" s="5" t="s">
        <v>4</v>
      </c>
      <c r="E129" s="5">
        <v>7</v>
      </c>
      <c r="F129" s="5">
        <v>12</v>
      </c>
      <c r="G129" s="5">
        <v>17</v>
      </c>
      <c r="H129" s="5">
        <v>22</v>
      </c>
      <c r="I129" s="5">
        <v>26</v>
      </c>
      <c r="J129" s="5">
        <v>27</v>
      </c>
      <c r="K129" s="5">
        <v>28</v>
      </c>
      <c r="L129" s="5">
        <v>29</v>
      </c>
      <c r="M129" s="5">
        <v>30</v>
      </c>
      <c r="N129" s="5" t="s">
        <v>5</v>
      </c>
      <c r="O129" s="5">
        <v>2</v>
      </c>
      <c r="P129" s="5">
        <v>3</v>
      </c>
      <c r="Q129" s="5">
        <v>4</v>
      </c>
    </row>
    <row r="130" spans="1:17" s="15" customFormat="1" ht="21" customHeight="1" x14ac:dyDescent="0.2">
      <c r="A130" s="7" t="s">
        <v>43</v>
      </c>
      <c r="B130" s="8">
        <v>10298</v>
      </c>
      <c r="C130" s="8">
        <v>8748</v>
      </c>
      <c r="D130" s="8">
        <v>7710</v>
      </c>
      <c r="E130" s="8">
        <v>7436</v>
      </c>
      <c r="F130" s="8">
        <v>7371</v>
      </c>
      <c r="G130" s="8">
        <v>9239</v>
      </c>
      <c r="H130" s="8">
        <v>8607</v>
      </c>
      <c r="I130" s="8">
        <v>8135</v>
      </c>
      <c r="J130" s="8">
        <v>8019</v>
      </c>
      <c r="K130" s="8">
        <v>7925</v>
      </c>
      <c r="L130" s="8">
        <v>7804</v>
      </c>
      <c r="M130" s="8">
        <v>7635</v>
      </c>
      <c r="N130" s="8">
        <v>7538</v>
      </c>
      <c r="O130" s="42">
        <v>7358</v>
      </c>
      <c r="P130" s="42">
        <v>7113</v>
      </c>
      <c r="Q130" s="42">
        <v>6886</v>
      </c>
    </row>
    <row r="131" spans="1:17" s="15" customFormat="1" ht="21" customHeight="1" x14ac:dyDescent="0.2">
      <c r="A131" s="7" t="s">
        <v>44</v>
      </c>
      <c r="B131" s="8">
        <v>13121</v>
      </c>
      <c r="C131" s="8">
        <v>10455</v>
      </c>
      <c r="D131" s="8">
        <v>8824</v>
      </c>
      <c r="E131" s="8">
        <v>7641</v>
      </c>
      <c r="F131" s="8">
        <v>7228</v>
      </c>
      <c r="G131" s="8">
        <v>9510</v>
      </c>
      <c r="H131" s="8">
        <v>9325</v>
      </c>
      <c r="I131" s="8">
        <v>8747</v>
      </c>
      <c r="J131" s="8">
        <v>8706</v>
      </c>
      <c r="K131" s="8">
        <v>8586</v>
      </c>
      <c r="L131" s="8">
        <v>8444</v>
      </c>
      <c r="M131" s="8">
        <v>8237</v>
      </c>
      <c r="N131" s="8">
        <v>8157</v>
      </c>
      <c r="O131" s="42">
        <v>7979</v>
      </c>
      <c r="P131" s="42">
        <v>7949</v>
      </c>
      <c r="Q131" s="42">
        <v>7797</v>
      </c>
    </row>
    <row r="132" spans="1:17" s="15" customFormat="1" ht="21" customHeight="1" x14ac:dyDescent="0.2">
      <c r="A132" s="7" t="s">
        <v>45</v>
      </c>
      <c r="B132" s="8">
        <v>10913</v>
      </c>
      <c r="C132" s="8">
        <v>13136</v>
      </c>
      <c r="D132" s="8">
        <v>10530</v>
      </c>
      <c r="E132" s="8">
        <v>8805</v>
      </c>
      <c r="F132" s="8">
        <v>7541</v>
      </c>
      <c r="G132" s="8">
        <v>9464</v>
      </c>
      <c r="H132" s="8">
        <v>9519</v>
      </c>
      <c r="I132" s="8">
        <v>9490</v>
      </c>
      <c r="J132" s="8">
        <v>9343</v>
      </c>
      <c r="K132" s="8">
        <v>9207</v>
      </c>
      <c r="L132" s="8">
        <v>9008</v>
      </c>
      <c r="M132" s="8">
        <v>8952</v>
      </c>
      <c r="N132" s="8">
        <v>8722</v>
      </c>
      <c r="O132" s="42">
        <v>8670</v>
      </c>
      <c r="P132" s="42">
        <v>8542</v>
      </c>
      <c r="Q132" s="42">
        <v>8425</v>
      </c>
    </row>
    <row r="133" spans="1:17" s="15" customFormat="1" ht="21" customHeight="1" x14ac:dyDescent="0.2">
      <c r="A133" s="9" t="s">
        <v>46</v>
      </c>
      <c r="B133" s="10">
        <v>9900</v>
      </c>
      <c r="C133" s="10">
        <v>10844</v>
      </c>
      <c r="D133" s="10">
        <v>13042</v>
      </c>
      <c r="E133" s="10">
        <v>10445</v>
      </c>
      <c r="F133" s="10">
        <v>8697</v>
      </c>
      <c r="G133" s="10">
        <v>10044</v>
      </c>
      <c r="H133" s="10">
        <v>9454</v>
      </c>
      <c r="I133" s="10">
        <v>9600</v>
      </c>
      <c r="J133" s="10">
        <v>9506</v>
      </c>
      <c r="K133" s="10">
        <v>9527</v>
      </c>
      <c r="L133" s="10">
        <v>9575</v>
      </c>
      <c r="M133" s="10">
        <v>9529</v>
      </c>
      <c r="N133" s="10">
        <v>9573</v>
      </c>
      <c r="O133" s="43">
        <v>9300</v>
      </c>
      <c r="P133" s="43">
        <v>9101</v>
      </c>
      <c r="Q133" s="43">
        <v>8960</v>
      </c>
    </row>
    <row r="134" spans="1:17" s="15" customFormat="1" ht="21" customHeight="1" x14ac:dyDescent="0.2">
      <c r="A134" s="9" t="s">
        <v>47</v>
      </c>
      <c r="B134" s="10">
        <v>9023</v>
      </c>
      <c r="C134" s="10">
        <v>9350</v>
      </c>
      <c r="D134" s="10">
        <v>10487</v>
      </c>
      <c r="E134" s="10">
        <v>12515</v>
      </c>
      <c r="F134" s="10">
        <v>10009</v>
      </c>
      <c r="G134" s="10">
        <v>10809</v>
      </c>
      <c r="H134" s="10">
        <v>9459</v>
      </c>
      <c r="I134" s="10">
        <v>9321</v>
      </c>
      <c r="J134" s="10">
        <v>9252</v>
      </c>
      <c r="K134" s="10">
        <v>9326</v>
      </c>
      <c r="L134" s="10">
        <v>9448</v>
      </c>
      <c r="M134" s="10">
        <v>9534</v>
      </c>
      <c r="N134" s="10">
        <v>9527</v>
      </c>
      <c r="O134" s="43">
        <v>9406</v>
      </c>
      <c r="P134" s="43">
        <v>9359</v>
      </c>
      <c r="Q134" s="43">
        <v>9350</v>
      </c>
    </row>
    <row r="135" spans="1:17" s="15" customFormat="1" ht="21" customHeight="1" x14ac:dyDescent="0.2">
      <c r="A135" s="9" t="s">
        <v>48</v>
      </c>
      <c r="B135" s="10">
        <v>10918</v>
      </c>
      <c r="C135" s="10">
        <v>9102</v>
      </c>
      <c r="D135" s="10">
        <v>9686</v>
      </c>
      <c r="E135" s="10">
        <v>10604</v>
      </c>
      <c r="F135" s="10">
        <v>12539</v>
      </c>
      <c r="G135" s="10">
        <v>12415</v>
      </c>
      <c r="H135" s="10">
        <v>10485</v>
      </c>
      <c r="I135" s="10">
        <v>10013</v>
      </c>
      <c r="J135" s="10">
        <v>9789</v>
      </c>
      <c r="K135" s="10">
        <v>9483</v>
      </c>
      <c r="L135" s="10">
        <v>9269</v>
      </c>
      <c r="M135" s="10">
        <v>9249</v>
      </c>
      <c r="N135" s="10">
        <v>9245</v>
      </c>
      <c r="O135" s="43">
        <v>9282</v>
      </c>
      <c r="P135" s="43">
        <v>9232</v>
      </c>
      <c r="Q135" s="43">
        <v>9255</v>
      </c>
    </row>
    <row r="136" spans="1:17" s="15" customFormat="1" ht="21" customHeight="1" x14ac:dyDescent="0.2">
      <c r="A136" s="9" t="s">
        <v>49</v>
      </c>
      <c r="B136" s="10">
        <v>14998</v>
      </c>
      <c r="C136" s="10">
        <v>11075</v>
      </c>
      <c r="D136" s="10">
        <v>9221</v>
      </c>
      <c r="E136" s="10">
        <v>9681</v>
      </c>
      <c r="F136" s="10">
        <v>10486</v>
      </c>
      <c r="G136" s="10">
        <v>15937</v>
      </c>
      <c r="H136" s="10">
        <v>12729</v>
      </c>
      <c r="I136" s="10">
        <v>11401</v>
      </c>
      <c r="J136" s="10">
        <v>11139</v>
      </c>
      <c r="K136" s="10">
        <v>10969</v>
      </c>
      <c r="L136" s="10">
        <v>10786</v>
      </c>
      <c r="M136" s="10">
        <v>10608</v>
      </c>
      <c r="N136" s="10">
        <v>10324</v>
      </c>
      <c r="O136" s="43">
        <v>9949</v>
      </c>
      <c r="P136" s="43">
        <v>9576</v>
      </c>
      <c r="Q136" s="43">
        <v>9273</v>
      </c>
    </row>
    <row r="137" spans="1:17" s="15" customFormat="1" ht="21" customHeight="1" x14ac:dyDescent="0.2">
      <c r="A137" s="9" t="s">
        <v>50</v>
      </c>
      <c r="B137" s="10">
        <v>12816</v>
      </c>
      <c r="C137" s="10">
        <v>15091</v>
      </c>
      <c r="D137" s="10">
        <v>11212</v>
      </c>
      <c r="E137" s="10">
        <v>9335</v>
      </c>
      <c r="F137" s="10">
        <v>9545</v>
      </c>
      <c r="G137" s="10">
        <v>13370</v>
      </c>
      <c r="H137" s="10">
        <v>16214</v>
      </c>
      <c r="I137" s="10">
        <v>14137</v>
      </c>
      <c r="J137" s="10">
        <v>13317</v>
      </c>
      <c r="K137" s="10">
        <v>12741</v>
      </c>
      <c r="L137" s="10">
        <v>12298</v>
      </c>
      <c r="M137" s="10">
        <v>11835</v>
      </c>
      <c r="N137" s="10">
        <v>11502</v>
      </c>
      <c r="O137" s="43">
        <v>11296</v>
      </c>
      <c r="P137" s="43">
        <v>11156</v>
      </c>
      <c r="Q137" s="43">
        <v>10888</v>
      </c>
    </row>
    <row r="138" spans="1:17" s="15" customFormat="1" ht="21" customHeight="1" x14ac:dyDescent="0.2">
      <c r="A138" s="9" t="s">
        <v>51</v>
      </c>
      <c r="B138" s="10">
        <v>11117</v>
      </c>
      <c r="C138" s="10">
        <v>12790</v>
      </c>
      <c r="D138" s="10">
        <v>14977</v>
      </c>
      <c r="E138" s="10">
        <v>11169</v>
      </c>
      <c r="F138" s="10">
        <v>9259</v>
      </c>
      <c r="G138" s="10">
        <v>12445</v>
      </c>
      <c r="H138" s="10">
        <v>13463</v>
      </c>
      <c r="I138" s="10">
        <v>16308</v>
      </c>
      <c r="J138" s="10">
        <v>16682</v>
      </c>
      <c r="K138" s="10">
        <v>16356</v>
      </c>
      <c r="L138" s="10">
        <v>15745</v>
      </c>
      <c r="M138" s="10">
        <v>15000</v>
      </c>
      <c r="N138" s="10">
        <v>14234</v>
      </c>
      <c r="O138" s="43">
        <v>13341</v>
      </c>
      <c r="P138" s="43">
        <v>12794</v>
      </c>
      <c r="Q138" s="43">
        <v>12352</v>
      </c>
    </row>
    <row r="139" spans="1:17" s="15" customFormat="1" ht="21" customHeight="1" x14ac:dyDescent="0.2">
      <c r="A139" s="9" t="s">
        <v>52</v>
      </c>
      <c r="B139" s="10">
        <v>10782</v>
      </c>
      <c r="C139" s="10">
        <v>10959</v>
      </c>
      <c r="D139" s="10">
        <v>12635</v>
      </c>
      <c r="E139" s="10">
        <v>14803</v>
      </c>
      <c r="F139" s="10">
        <v>11010</v>
      </c>
      <c r="G139" s="10">
        <v>12048</v>
      </c>
      <c r="H139" s="10">
        <v>12467</v>
      </c>
      <c r="I139" s="10">
        <v>13617</v>
      </c>
      <c r="J139" s="10">
        <v>13738</v>
      </c>
      <c r="K139" s="10">
        <v>14781</v>
      </c>
      <c r="L139" s="10">
        <v>15349</v>
      </c>
      <c r="M139" s="10">
        <v>15898</v>
      </c>
      <c r="N139" s="10">
        <v>16342</v>
      </c>
      <c r="O139" s="43">
        <v>16684</v>
      </c>
      <c r="P139" s="43">
        <v>16314</v>
      </c>
      <c r="Q139" s="43">
        <v>15744</v>
      </c>
    </row>
    <row r="140" spans="1:17" s="15" customFormat="1" ht="21" customHeight="1" x14ac:dyDescent="0.2">
      <c r="A140" s="9" t="s">
        <v>53</v>
      </c>
      <c r="B140" s="10">
        <v>9849</v>
      </c>
      <c r="C140" s="10">
        <v>10639</v>
      </c>
      <c r="D140" s="10">
        <v>10822</v>
      </c>
      <c r="E140" s="10">
        <v>12426</v>
      </c>
      <c r="F140" s="10">
        <v>14525</v>
      </c>
      <c r="G140" s="10">
        <v>14363</v>
      </c>
      <c r="H140" s="10">
        <v>12049</v>
      </c>
      <c r="I140" s="10">
        <v>12271</v>
      </c>
      <c r="J140" s="10">
        <v>12623</v>
      </c>
      <c r="K140" s="10">
        <v>12321</v>
      </c>
      <c r="L140" s="10">
        <v>12870</v>
      </c>
      <c r="M140" s="10">
        <v>13201</v>
      </c>
      <c r="N140" s="10">
        <v>13585</v>
      </c>
      <c r="O140" s="43">
        <v>13750</v>
      </c>
      <c r="P140" s="43">
        <v>14790</v>
      </c>
      <c r="Q140" s="43">
        <v>15340</v>
      </c>
    </row>
    <row r="141" spans="1:17" s="15" customFormat="1" ht="21" customHeight="1" x14ac:dyDescent="0.2">
      <c r="A141" s="9" t="s">
        <v>54</v>
      </c>
      <c r="B141" s="10">
        <v>8455</v>
      </c>
      <c r="C141" s="10">
        <v>9734</v>
      </c>
      <c r="D141" s="10">
        <v>10506</v>
      </c>
      <c r="E141" s="10">
        <v>10653</v>
      </c>
      <c r="F141" s="10">
        <v>12264</v>
      </c>
      <c r="G141" s="10">
        <v>18236</v>
      </c>
      <c r="H141" s="10">
        <v>14252</v>
      </c>
      <c r="I141" s="10">
        <v>12377</v>
      </c>
      <c r="J141" s="10">
        <v>12080</v>
      </c>
      <c r="K141" s="10">
        <v>12128</v>
      </c>
      <c r="L141" s="10">
        <v>12086</v>
      </c>
      <c r="M141" s="10">
        <v>12224</v>
      </c>
      <c r="N141" s="10">
        <v>12265</v>
      </c>
      <c r="O141" s="43">
        <v>12594</v>
      </c>
      <c r="P141" s="43">
        <v>12270</v>
      </c>
      <c r="Q141" s="43">
        <v>12779</v>
      </c>
    </row>
    <row r="142" spans="1:17" s="15" customFormat="1" ht="21" customHeight="1" x14ac:dyDescent="0.2">
      <c r="A142" s="9" t="s">
        <v>55</v>
      </c>
      <c r="B142" s="10">
        <v>7058</v>
      </c>
      <c r="C142" s="10">
        <v>8301</v>
      </c>
      <c r="D142" s="10">
        <v>9570</v>
      </c>
      <c r="E142" s="10">
        <v>10297</v>
      </c>
      <c r="F142" s="10">
        <v>10446</v>
      </c>
      <c r="G142" s="10">
        <v>15173</v>
      </c>
      <c r="H142" s="10">
        <v>18030</v>
      </c>
      <c r="I142" s="10">
        <v>15045</v>
      </c>
      <c r="J142" s="10">
        <v>14189</v>
      </c>
      <c r="K142" s="10">
        <v>13535</v>
      </c>
      <c r="L142" s="10">
        <v>12917</v>
      </c>
      <c r="M142" s="10">
        <v>12384</v>
      </c>
      <c r="N142" s="10">
        <v>12268</v>
      </c>
      <c r="O142" s="43">
        <v>11979</v>
      </c>
      <c r="P142" s="43">
        <v>11977</v>
      </c>
      <c r="Q142" s="43">
        <v>11941</v>
      </c>
    </row>
    <row r="143" spans="1:17" s="15" customFormat="1" ht="21" customHeight="1" x14ac:dyDescent="0.2">
      <c r="A143" s="11" t="s">
        <v>56</v>
      </c>
      <c r="B143" s="12">
        <v>6387</v>
      </c>
      <c r="C143" s="12">
        <v>6789</v>
      </c>
      <c r="D143" s="12">
        <v>8020</v>
      </c>
      <c r="E143" s="12">
        <v>9225</v>
      </c>
      <c r="F143" s="12">
        <v>10047</v>
      </c>
      <c r="G143" s="12">
        <v>13040</v>
      </c>
      <c r="H143" s="12">
        <v>14898</v>
      </c>
      <c r="I143" s="12">
        <v>16749</v>
      </c>
      <c r="J143" s="12">
        <v>17819</v>
      </c>
      <c r="K143" s="12">
        <v>18652</v>
      </c>
      <c r="L143" s="12">
        <v>17127</v>
      </c>
      <c r="M143" s="12">
        <v>16042</v>
      </c>
      <c r="N143" s="12">
        <v>14785</v>
      </c>
      <c r="O143" s="44">
        <v>13930</v>
      </c>
      <c r="P143" s="44">
        <v>13296</v>
      </c>
      <c r="Q143" s="44">
        <v>12699</v>
      </c>
    </row>
    <row r="144" spans="1:17" s="15" customFormat="1" ht="21" customHeight="1" x14ac:dyDescent="0.2">
      <c r="A144" s="11" t="s">
        <v>57</v>
      </c>
      <c r="B144" s="12">
        <v>4961</v>
      </c>
      <c r="C144" s="12">
        <v>5984</v>
      </c>
      <c r="D144" s="12">
        <v>6374</v>
      </c>
      <c r="E144" s="12">
        <v>7614</v>
      </c>
      <c r="F144" s="12">
        <v>8794</v>
      </c>
      <c r="G144" s="12">
        <v>12702</v>
      </c>
      <c r="H144" s="12">
        <v>12576</v>
      </c>
      <c r="I144" s="12">
        <v>14781</v>
      </c>
      <c r="J144" s="12">
        <v>14516</v>
      </c>
      <c r="K144" s="12">
        <v>13761</v>
      </c>
      <c r="L144" s="12">
        <v>14817</v>
      </c>
      <c r="M144" s="12">
        <v>15722</v>
      </c>
      <c r="N144" s="12">
        <v>16254</v>
      </c>
      <c r="O144" s="44">
        <v>17289</v>
      </c>
      <c r="P144" s="44">
        <v>18072</v>
      </c>
      <c r="Q144" s="44">
        <v>16628</v>
      </c>
    </row>
    <row r="145" spans="1:17" s="15" customFormat="1" ht="21" customHeight="1" x14ac:dyDescent="0.2">
      <c r="A145" s="11" t="s">
        <v>58</v>
      </c>
      <c r="B145" s="12">
        <v>3295</v>
      </c>
      <c r="C145" s="12">
        <v>4297</v>
      </c>
      <c r="D145" s="12">
        <v>5297</v>
      </c>
      <c r="E145" s="12">
        <v>5754</v>
      </c>
      <c r="F145" s="12">
        <v>7020</v>
      </c>
      <c r="G145" s="12">
        <v>10746</v>
      </c>
      <c r="H145" s="12">
        <v>11913</v>
      </c>
      <c r="I145" s="12">
        <v>11570</v>
      </c>
      <c r="J145" s="12">
        <v>11835</v>
      </c>
      <c r="K145" s="12">
        <v>11908</v>
      </c>
      <c r="L145" s="12">
        <v>12560</v>
      </c>
      <c r="M145" s="12">
        <v>13105</v>
      </c>
      <c r="N145" s="12">
        <v>14059</v>
      </c>
      <c r="O145" s="44">
        <v>13832</v>
      </c>
      <c r="P145" s="44">
        <v>13066</v>
      </c>
      <c r="Q145" s="44">
        <v>14036</v>
      </c>
    </row>
    <row r="146" spans="1:17" s="15" customFormat="1" ht="21" customHeight="1" x14ac:dyDescent="0.2">
      <c r="A146" s="11" t="s">
        <v>59</v>
      </c>
      <c r="B146" s="12">
        <v>1582</v>
      </c>
      <c r="C146" s="12">
        <v>2448</v>
      </c>
      <c r="D146" s="12">
        <v>3448</v>
      </c>
      <c r="E146" s="12">
        <v>4329</v>
      </c>
      <c r="F146" s="12">
        <v>4800</v>
      </c>
      <c r="G146" s="12">
        <v>7903</v>
      </c>
      <c r="H146" s="12">
        <v>9516</v>
      </c>
      <c r="I146" s="12">
        <v>10571</v>
      </c>
      <c r="J146" s="12">
        <v>10616</v>
      </c>
      <c r="K146" s="12">
        <v>10914</v>
      </c>
      <c r="L146" s="12">
        <v>10889</v>
      </c>
      <c r="M146" s="12">
        <v>10690</v>
      </c>
      <c r="N146" s="12">
        <v>10377</v>
      </c>
      <c r="O146" s="44">
        <v>10644</v>
      </c>
      <c r="P146" s="44">
        <v>10758</v>
      </c>
      <c r="Q146" s="44">
        <v>11371</v>
      </c>
    </row>
    <row r="147" spans="1:17" s="15" customFormat="1" ht="21" customHeight="1" x14ac:dyDescent="0.2">
      <c r="A147" s="11" t="s">
        <v>60</v>
      </c>
      <c r="B147" s="12">
        <v>600</v>
      </c>
      <c r="C147" s="12">
        <v>902</v>
      </c>
      <c r="D147" s="12">
        <v>1540</v>
      </c>
      <c r="E147" s="12">
        <v>2352</v>
      </c>
      <c r="F147" s="12">
        <v>3129</v>
      </c>
      <c r="G147" s="12">
        <v>4758</v>
      </c>
      <c r="H147" s="12">
        <v>6191</v>
      </c>
      <c r="I147" s="12">
        <v>7385</v>
      </c>
      <c r="J147" s="12">
        <v>7443</v>
      </c>
      <c r="K147" s="12">
        <v>7643</v>
      </c>
      <c r="L147" s="12">
        <v>7984</v>
      </c>
      <c r="M147" s="12">
        <v>8361</v>
      </c>
      <c r="N147" s="12">
        <v>8465</v>
      </c>
      <c r="O147" s="44">
        <v>8495</v>
      </c>
      <c r="P147" s="44">
        <v>8823</v>
      </c>
      <c r="Q147" s="44">
        <v>8820</v>
      </c>
    </row>
    <row r="148" spans="1:17" s="15" customFormat="1" ht="21" customHeight="1" x14ac:dyDescent="0.2">
      <c r="A148" s="11" t="s">
        <v>61</v>
      </c>
      <c r="B148" s="12">
        <v>152</v>
      </c>
      <c r="C148" s="12">
        <v>262</v>
      </c>
      <c r="D148" s="12">
        <v>392</v>
      </c>
      <c r="E148" s="12">
        <v>759</v>
      </c>
      <c r="F148" s="12">
        <v>1271</v>
      </c>
      <c r="G148" s="12">
        <v>2455</v>
      </c>
      <c r="H148" s="12">
        <v>2835</v>
      </c>
      <c r="I148" s="12">
        <v>3659</v>
      </c>
      <c r="J148" s="12">
        <v>3877</v>
      </c>
      <c r="K148" s="12">
        <v>4109</v>
      </c>
      <c r="L148" s="12">
        <v>4164</v>
      </c>
      <c r="M148" s="12">
        <v>4302</v>
      </c>
      <c r="N148" s="12">
        <v>4596</v>
      </c>
      <c r="O148" s="44">
        <v>4696</v>
      </c>
      <c r="P148" s="44">
        <v>4865</v>
      </c>
      <c r="Q148" s="44">
        <v>5098</v>
      </c>
    </row>
    <row r="149" spans="1:17" s="15" customFormat="1" ht="21" customHeight="1" x14ac:dyDescent="0.2">
      <c r="A149" s="11" t="s">
        <v>62</v>
      </c>
      <c r="B149" s="12">
        <v>30</v>
      </c>
      <c r="C149" s="12">
        <v>28</v>
      </c>
      <c r="D149" s="12">
        <v>61</v>
      </c>
      <c r="E149" s="12">
        <v>134</v>
      </c>
      <c r="F149" s="12">
        <v>277</v>
      </c>
      <c r="G149" s="12">
        <v>702</v>
      </c>
      <c r="H149" s="12">
        <v>955</v>
      </c>
      <c r="I149" s="12">
        <v>1034</v>
      </c>
      <c r="J149" s="12">
        <v>1154</v>
      </c>
      <c r="K149" s="12">
        <v>1269</v>
      </c>
      <c r="L149" s="12">
        <v>1364</v>
      </c>
      <c r="M149" s="12">
        <v>1421</v>
      </c>
      <c r="N149" s="12">
        <v>1495</v>
      </c>
      <c r="O149" s="44">
        <v>1616</v>
      </c>
      <c r="P149" s="44">
        <v>1709</v>
      </c>
      <c r="Q149" s="44">
        <v>1729</v>
      </c>
    </row>
    <row r="150" spans="1:17" s="15" customFormat="1" ht="21" customHeight="1" x14ac:dyDescent="0.2">
      <c r="A150" s="11" t="s">
        <v>63</v>
      </c>
      <c r="B150" s="12">
        <v>2</v>
      </c>
      <c r="C150" s="12">
        <v>5</v>
      </c>
      <c r="D150" s="12">
        <v>4</v>
      </c>
      <c r="E150" s="12">
        <v>10</v>
      </c>
      <c r="F150" s="12">
        <v>28</v>
      </c>
      <c r="G150" s="12">
        <v>82</v>
      </c>
      <c r="H150" s="12">
        <v>164</v>
      </c>
      <c r="I150" s="12">
        <v>196</v>
      </c>
      <c r="J150" s="12">
        <v>200</v>
      </c>
      <c r="K150" s="12">
        <v>211</v>
      </c>
      <c r="L150" s="12">
        <v>199</v>
      </c>
      <c r="M150" s="12">
        <v>200</v>
      </c>
      <c r="N150" s="12">
        <v>237</v>
      </c>
      <c r="O150" s="44">
        <v>254</v>
      </c>
      <c r="P150" s="44">
        <v>260</v>
      </c>
      <c r="Q150" s="44">
        <v>315</v>
      </c>
    </row>
    <row r="151" spans="1:17" s="15" customFormat="1" ht="21" customHeight="1" x14ac:dyDescent="0.2">
      <c r="A151" s="13" t="s">
        <v>67</v>
      </c>
      <c r="B151" s="14">
        <v>156257</v>
      </c>
      <c r="C151" s="14">
        <v>160939</v>
      </c>
      <c r="D151" s="14">
        <v>164358</v>
      </c>
      <c r="E151" s="14">
        <v>165987</v>
      </c>
      <c r="F151" s="14">
        <v>166286</v>
      </c>
      <c r="G151" s="14">
        <v>215441</v>
      </c>
      <c r="H151" s="14">
        <v>215101</v>
      </c>
      <c r="I151" s="14">
        <v>216407</v>
      </c>
      <c r="J151" s="14">
        <v>215843</v>
      </c>
      <c r="K151" s="14">
        <v>215352</v>
      </c>
      <c r="L151" s="14">
        <v>214703</v>
      </c>
      <c r="M151" s="14">
        <v>214129</v>
      </c>
      <c r="N151" s="14">
        <v>213550</v>
      </c>
      <c r="O151" s="14">
        <v>212344</v>
      </c>
      <c r="P151" s="14">
        <v>211022</v>
      </c>
      <c r="Q151" s="14">
        <v>209686</v>
      </c>
    </row>
    <row r="152" spans="1:17" s="15" customFormat="1" ht="21" customHeight="1" x14ac:dyDescent="0.2">
      <c r="A152" s="41"/>
      <c r="B152" s="41"/>
      <c r="C152" s="41"/>
      <c r="D152" s="41"/>
      <c r="E152" s="41"/>
      <c r="F152" s="41"/>
      <c r="G152" s="41"/>
      <c r="H152" s="41"/>
      <c r="I152" s="41"/>
      <c r="J152" s="41"/>
      <c r="K152" s="41"/>
      <c r="L152" s="41"/>
      <c r="M152" s="41"/>
    </row>
    <row r="153" spans="1:17" s="15" customFormat="1" ht="21" customHeight="1" x14ac:dyDescent="0.2">
      <c r="B153" s="16"/>
      <c r="C153" s="16"/>
      <c r="D153" s="16"/>
      <c r="E153" s="16"/>
      <c r="F153" s="16"/>
      <c r="G153" s="16"/>
      <c r="H153" s="16"/>
      <c r="I153" s="16"/>
      <c r="J153" s="16"/>
      <c r="K153" s="16"/>
      <c r="L153" s="16"/>
      <c r="M153" s="16"/>
      <c r="N153" s="16"/>
      <c r="O153" s="16"/>
      <c r="P153" s="16"/>
      <c r="Q153" s="16"/>
    </row>
    <row r="154" spans="1:17" s="15" customFormat="1" ht="21" customHeight="1" x14ac:dyDescent="0.2">
      <c r="A154" s="47" t="s">
        <v>28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s="15" customFormat="1" ht="21" customHeight="1" x14ac:dyDescent="0.2">
      <c r="A155" s="5" t="s">
        <v>2</v>
      </c>
      <c r="B155" s="5" t="s">
        <v>29</v>
      </c>
      <c r="C155" s="5">
        <v>60</v>
      </c>
      <c r="D155" s="5" t="s">
        <v>4</v>
      </c>
      <c r="E155" s="5">
        <v>7</v>
      </c>
      <c r="F155" s="5">
        <v>12</v>
      </c>
      <c r="G155" s="5">
        <v>17</v>
      </c>
      <c r="H155" s="5">
        <v>22</v>
      </c>
      <c r="I155" s="5">
        <v>26</v>
      </c>
      <c r="J155" s="5">
        <v>27</v>
      </c>
      <c r="K155" s="5">
        <v>28</v>
      </c>
      <c r="L155" s="5">
        <v>29</v>
      </c>
      <c r="M155" s="5">
        <v>30</v>
      </c>
      <c r="N155" s="5" t="s">
        <v>5</v>
      </c>
      <c r="O155" s="5">
        <v>2</v>
      </c>
      <c r="P155" s="5">
        <v>3</v>
      </c>
      <c r="Q155" s="5">
        <v>4</v>
      </c>
    </row>
    <row r="156" spans="1:17" s="15" customFormat="1" ht="21" customHeight="1" x14ac:dyDescent="0.2">
      <c r="A156" s="7" t="s">
        <v>65</v>
      </c>
      <c r="B156" s="8">
        <v>34332</v>
      </c>
      <c r="C156" s="8">
        <v>32339</v>
      </c>
      <c r="D156" s="8">
        <v>27064</v>
      </c>
      <c r="E156" s="8">
        <v>23882</v>
      </c>
      <c r="F156" s="8">
        <v>22140</v>
      </c>
      <c r="G156" s="8">
        <v>28213</v>
      </c>
      <c r="H156" s="8">
        <v>27451</v>
      </c>
      <c r="I156" s="8">
        <v>26372</v>
      </c>
      <c r="J156" s="8">
        <v>26068</v>
      </c>
      <c r="K156" s="8">
        <v>25718</v>
      </c>
      <c r="L156" s="8">
        <v>25256</v>
      </c>
      <c r="M156" s="8">
        <v>24824</v>
      </c>
      <c r="N156" s="8">
        <v>24417</v>
      </c>
      <c r="O156" s="8">
        <v>24007</v>
      </c>
      <c r="P156" s="8">
        <v>23604</v>
      </c>
      <c r="Q156" s="8">
        <v>23108</v>
      </c>
    </row>
    <row r="157" spans="1:17" s="15" customFormat="1" ht="21" customHeight="1" x14ac:dyDescent="0.2">
      <c r="A157" s="9" t="s">
        <v>31</v>
      </c>
      <c r="B157" s="10">
        <v>104916</v>
      </c>
      <c r="C157" s="10">
        <v>107885</v>
      </c>
      <c r="D157" s="10">
        <v>112158</v>
      </c>
      <c r="E157" s="10">
        <v>111928</v>
      </c>
      <c r="F157" s="10">
        <v>108780</v>
      </c>
      <c r="G157" s="10">
        <v>134840</v>
      </c>
      <c r="H157" s="10">
        <v>128602</v>
      </c>
      <c r="I157" s="10">
        <v>124090</v>
      </c>
      <c r="J157" s="10">
        <v>122315</v>
      </c>
      <c r="K157" s="10">
        <v>121167</v>
      </c>
      <c r="L157" s="10">
        <v>120343</v>
      </c>
      <c r="M157" s="10">
        <v>119462</v>
      </c>
      <c r="N157" s="10">
        <v>118865</v>
      </c>
      <c r="O157" s="10">
        <v>117581</v>
      </c>
      <c r="P157" s="10">
        <v>116569</v>
      </c>
      <c r="Q157" s="10">
        <v>115882</v>
      </c>
    </row>
    <row r="158" spans="1:17" s="15" customFormat="1" ht="21" customHeight="1" x14ac:dyDescent="0.2">
      <c r="A158" s="11" t="s">
        <v>32</v>
      </c>
      <c r="B158" s="12">
        <v>17009</v>
      </c>
      <c r="C158" s="12">
        <v>20715</v>
      </c>
      <c r="D158" s="12">
        <v>25136</v>
      </c>
      <c r="E158" s="12">
        <v>30177</v>
      </c>
      <c r="F158" s="12">
        <v>35366</v>
      </c>
      <c r="G158" s="12">
        <v>52388</v>
      </c>
      <c r="H158" s="12">
        <v>59048</v>
      </c>
      <c r="I158" s="12">
        <v>65945</v>
      </c>
      <c r="J158" s="12">
        <v>67460</v>
      </c>
      <c r="K158" s="12">
        <v>68467</v>
      </c>
      <c r="L158" s="12">
        <v>69104</v>
      </c>
      <c r="M158" s="12">
        <v>69843</v>
      </c>
      <c r="N158" s="12">
        <v>70268</v>
      </c>
      <c r="O158" s="12">
        <v>70756</v>
      </c>
      <c r="P158" s="12">
        <v>70849</v>
      </c>
      <c r="Q158" s="12">
        <v>70696</v>
      </c>
    </row>
    <row r="159" spans="1:17" s="15" customFormat="1" ht="21" customHeight="1" x14ac:dyDescent="0.2">
      <c r="A159" s="13" t="s">
        <v>33</v>
      </c>
      <c r="B159" s="14">
        <v>156257</v>
      </c>
      <c r="C159" s="14">
        <v>160939</v>
      </c>
      <c r="D159" s="14">
        <v>164358</v>
      </c>
      <c r="E159" s="14">
        <v>165987</v>
      </c>
      <c r="F159" s="14">
        <v>166286</v>
      </c>
      <c r="G159" s="14">
        <v>215441</v>
      </c>
      <c r="H159" s="14">
        <v>215101</v>
      </c>
      <c r="I159" s="14">
        <v>216407</v>
      </c>
      <c r="J159" s="14">
        <v>215843</v>
      </c>
      <c r="K159" s="14">
        <v>215352</v>
      </c>
      <c r="L159" s="14">
        <v>214703</v>
      </c>
      <c r="M159" s="14">
        <v>214129</v>
      </c>
      <c r="N159" s="14">
        <v>213550</v>
      </c>
      <c r="O159" s="14">
        <v>212344</v>
      </c>
      <c r="P159" s="14">
        <v>211022</v>
      </c>
      <c r="Q159" s="14">
        <v>209686</v>
      </c>
    </row>
    <row r="160" spans="1:17" s="15" customFormat="1" ht="21" customHeight="1" x14ac:dyDescent="0.2">
      <c r="A160" s="48"/>
      <c r="B160" s="49"/>
      <c r="C160" s="49"/>
      <c r="D160" s="49"/>
      <c r="E160" s="49"/>
      <c r="F160" s="49"/>
      <c r="G160" s="49"/>
      <c r="H160" s="49"/>
      <c r="I160" s="49"/>
      <c r="J160" s="49"/>
      <c r="K160" s="49"/>
      <c r="L160" s="49"/>
      <c r="M160" s="49"/>
      <c r="N160" s="49"/>
      <c r="O160" s="49"/>
      <c r="P160" s="49"/>
      <c r="Q160" s="49"/>
    </row>
    <row r="161" spans="1:17" s="15" customFormat="1" ht="21" customHeight="1" x14ac:dyDescent="0.2">
      <c r="A161" s="45"/>
      <c r="B161" s="50"/>
      <c r="C161" s="50"/>
      <c r="D161" s="50"/>
      <c r="E161" s="50"/>
      <c r="F161" s="50"/>
      <c r="G161" s="50"/>
      <c r="H161" s="50"/>
      <c r="I161" s="50"/>
      <c r="J161" s="50"/>
      <c r="K161" s="50"/>
      <c r="L161" s="50"/>
      <c r="M161" s="50"/>
      <c r="N161" s="50"/>
      <c r="O161" s="50"/>
      <c r="P161" s="50"/>
      <c r="Q161" s="50"/>
    </row>
    <row r="162" spans="1:17" s="15" customFormat="1" ht="21" customHeight="1" x14ac:dyDescent="0.2">
      <c r="A162" s="51" t="s">
        <v>34</v>
      </c>
      <c r="B162" s="52"/>
      <c r="C162" s="52"/>
      <c r="D162" s="52"/>
      <c r="E162" s="52"/>
      <c r="F162" s="52"/>
      <c r="G162" s="52"/>
      <c r="H162" s="52"/>
      <c r="I162" s="52"/>
      <c r="J162" s="52"/>
      <c r="K162" s="52"/>
      <c r="L162" s="52"/>
      <c r="M162" s="52"/>
      <c r="N162" s="52"/>
      <c r="O162" s="52"/>
      <c r="P162" s="52"/>
      <c r="Q162" s="52"/>
    </row>
    <row r="163" spans="1:17" s="15" customFormat="1" ht="21" customHeight="1" x14ac:dyDescent="0.2">
      <c r="A163" s="5" t="s">
        <v>2</v>
      </c>
      <c r="B163" s="5" t="s">
        <v>29</v>
      </c>
      <c r="C163" s="5">
        <v>60</v>
      </c>
      <c r="D163" s="5" t="s">
        <v>4</v>
      </c>
      <c r="E163" s="5">
        <v>7</v>
      </c>
      <c r="F163" s="5">
        <v>12</v>
      </c>
      <c r="G163" s="5">
        <v>17</v>
      </c>
      <c r="H163" s="5">
        <v>22</v>
      </c>
      <c r="I163" s="5">
        <v>26</v>
      </c>
      <c r="J163" s="5">
        <v>27</v>
      </c>
      <c r="K163" s="5">
        <v>28</v>
      </c>
      <c r="L163" s="5">
        <v>29</v>
      </c>
      <c r="M163" s="5">
        <v>30</v>
      </c>
      <c r="N163" s="5" t="s">
        <v>5</v>
      </c>
      <c r="O163" s="5">
        <v>2</v>
      </c>
      <c r="P163" s="5">
        <v>3</v>
      </c>
      <c r="Q163" s="5">
        <v>4</v>
      </c>
    </row>
    <row r="164" spans="1:17" s="15" customFormat="1" ht="21" customHeight="1" x14ac:dyDescent="0.2">
      <c r="A164" s="7" t="s">
        <v>65</v>
      </c>
      <c r="B164" s="53">
        <v>22</v>
      </c>
      <c r="C164" s="53">
        <v>20.100000000000001</v>
      </c>
      <c r="D164" s="53">
        <v>16.5</v>
      </c>
      <c r="E164" s="53">
        <v>14.4</v>
      </c>
      <c r="F164" s="53">
        <v>13.3</v>
      </c>
      <c r="G164" s="53">
        <v>13.1</v>
      </c>
      <c r="H164" s="53">
        <v>12.8</v>
      </c>
      <c r="I164" s="53">
        <v>12.2</v>
      </c>
      <c r="J164" s="53">
        <v>12.1</v>
      </c>
      <c r="K164" s="53">
        <v>11.9</v>
      </c>
      <c r="L164" s="53">
        <v>11.8</v>
      </c>
      <c r="M164" s="53">
        <v>11.6</v>
      </c>
      <c r="N164" s="53">
        <v>11.4</v>
      </c>
      <c r="O164" s="53">
        <v>11.3</v>
      </c>
      <c r="P164" s="53">
        <v>11.2</v>
      </c>
      <c r="Q164" s="53">
        <v>11</v>
      </c>
    </row>
    <row r="165" spans="1:17" s="15" customFormat="1" ht="21" customHeight="1" x14ac:dyDescent="0.2">
      <c r="A165" s="9" t="s">
        <v>31</v>
      </c>
      <c r="B165" s="54">
        <v>67.099999999999994</v>
      </c>
      <c r="C165" s="54">
        <v>67</v>
      </c>
      <c r="D165" s="54">
        <v>68.2</v>
      </c>
      <c r="E165" s="54">
        <v>67.400000000000006</v>
      </c>
      <c r="F165" s="54">
        <v>65.400000000000006</v>
      </c>
      <c r="G165" s="54">
        <v>62.6</v>
      </c>
      <c r="H165" s="54">
        <v>59.8</v>
      </c>
      <c r="I165" s="54">
        <v>57.3</v>
      </c>
      <c r="J165" s="54">
        <v>56.7</v>
      </c>
      <c r="K165" s="54">
        <v>56.3</v>
      </c>
      <c r="L165" s="54">
        <v>56.1</v>
      </c>
      <c r="M165" s="54">
        <v>55.8</v>
      </c>
      <c r="N165" s="54">
        <v>55.7</v>
      </c>
      <c r="O165" s="54">
        <v>55.4</v>
      </c>
      <c r="P165" s="54">
        <v>55.2</v>
      </c>
      <c r="Q165" s="54">
        <v>55.3</v>
      </c>
    </row>
    <row r="166" spans="1:17" s="15" customFormat="1" ht="21" customHeight="1" x14ac:dyDescent="0.2">
      <c r="A166" s="11" t="s">
        <v>32</v>
      </c>
      <c r="B166" s="55">
        <v>10.9</v>
      </c>
      <c r="C166" s="55">
        <v>12.9</v>
      </c>
      <c r="D166" s="55">
        <v>15.3</v>
      </c>
      <c r="E166" s="55">
        <v>18.2</v>
      </c>
      <c r="F166" s="55">
        <v>21.3</v>
      </c>
      <c r="G166" s="55">
        <v>24.3</v>
      </c>
      <c r="H166" s="55">
        <v>27.5</v>
      </c>
      <c r="I166" s="55">
        <v>30.5</v>
      </c>
      <c r="J166" s="55">
        <v>31.3</v>
      </c>
      <c r="K166" s="55">
        <v>31.8</v>
      </c>
      <c r="L166" s="55">
        <v>32.200000000000003</v>
      </c>
      <c r="M166" s="55">
        <v>32.6</v>
      </c>
      <c r="N166" s="55">
        <v>32.9</v>
      </c>
      <c r="O166" s="55">
        <v>33.299999999999997</v>
      </c>
      <c r="P166" s="55">
        <v>33.6</v>
      </c>
      <c r="Q166" s="55">
        <v>33.700000000000003</v>
      </c>
    </row>
    <row r="167" spans="1:17" s="15" customFormat="1" ht="21" customHeight="1" x14ac:dyDescent="0.2">
      <c r="A167" s="56" t="s">
        <v>39</v>
      </c>
      <c r="B167" s="41"/>
      <c r="C167" s="41"/>
      <c r="D167" s="41"/>
      <c r="E167" s="41"/>
      <c r="F167" s="41"/>
      <c r="G167" s="41"/>
      <c r="H167" s="41"/>
      <c r="I167" s="41"/>
      <c r="J167" s="41"/>
      <c r="K167" s="41"/>
      <c r="L167" s="41"/>
    </row>
  </sheetData>
  <mergeCells count="2">
    <mergeCell ref="C48:G49"/>
    <mergeCell ref="K48:P49"/>
  </mergeCells>
  <phoneticPr fontId="3"/>
  <pageMargins left="0.78740157480314965" right="0.31496062992125984" top="0.51181102362204722" bottom="0.86614173228346458" header="0.51181102362204722" footer="0.51181102362204722"/>
  <pageSetup paperSize="9" scale="35" firstPageNumber="15" fitToHeight="2" orientation="portrait" useFirstPageNumber="1" horizontalDpi="300" verticalDpi="300" r:id="rId1"/>
  <headerFooter alignWithMargins="0"/>
  <rowBreaks count="1" manualBreakCount="1">
    <brk id="80" max="15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４．年齢別富山市合計</vt:lpstr>
      <vt:lpstr>'４．年齢別富山市合計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10-20T07:46:42Z</dcterms:created>
  <dcterms:modified xsi:type="dcterms:W3CDTF">2022-10-20T07:47:33Z</dcterms:modified>
</cp:coreProperties>
</file>